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docx" ContentType="application/vnd.openxmlformats-officedocument.wordprocessingml.document"/>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502\common\01_計画Ｇ\10_庁内環境管理（計画Ｇ）\01_環境マネジメントシステム\02_環境関連法令実務マニュアル・チェックリスト\07_施行\"/>
    </mc:Choice>
  </mc:AlternateContent>
  <bookViews>
    <workbookView xWindow="-105" yWindow="-105" windowWidth="19425" windowHeight="11625" tabRatio="915"/>
  </bookViews>
  <sheets>
    <sheet name="表紙" sheetId="17" r:id="rId1"/>
    <sheet name="ばい煙" sheetId="1" r:id="rId2"/>
    <sheet name="送風機等" sheetId="4" r:id="rId3"/>
    <sheet name="空調機等" sheetId="30" r:id="rId4"/>
    <sheet name="公共用水域" sheetId="34" r:id="rId5"/>
    <sheet name="土壌 " sheetId="40" r:id="rId6"/>
    <sheet name="下水道" sheetId="25" r:id="rId7"/>
    <sheet name="浄化槽" sheetId="26" r:id="rId8"/>
    <sheet name="毒物劇物" sheetId="36" r:id="rId9"/>
    <sheet name="高圧ガス" sheetId="38" r:id="rId10"/>
    <sheet name="危険物" sheetId="16" r:id="rId11"/>
    <sheet name="一廃" sheetId="20" r:id="rId12"/>
    <sheet name="産廃" sheetId="35" r:id="rId13"/>
    <sheet name="特管" sheetId="27" r:id="rId14"/>
    <sheet name="ＰＣＢ" sheetId="33" r:id="rId15"/>
    <sheet name="焼却施設" sheetId="37" r:id="rId16"/>
    <sheet name="廃止した焼却施設" sheetId="19" r:id="rId17"/>
    <sheet name="（参考）自動車" sheetId="31" r:id="rId18"/>
    <sheet name="ひながた" sheetId="9" r:id="rId19"/>
    <sheet name="別添２" sheetId="41" r:id="rId20"/>
  </sheets>
  <definedNames>
    <definedName name="_xlnm.Print_Area" localSheetId="3">空調機等!$A$1:$O$39</definedName>
    <definedName name="_xlnm.Print_Area" localSheetId="12">産廃!$A$1:$O$51</definedName>
    <definedName name="_xlnm.Print_Area" localSheetId="8">毒物劇物!$A$1:$O$33</definedName>
    <definedName name="_xlnm.Print_Area" localSheetId="0">表紙!$A$1:$Q$29</definedName>
  </definedNames>
  <calcPr calcId="152511"/>
</workbook>
</file>

<file path=xl/sharedStrings.xml><?xml version="1.0" encoding="utf-8"?>
<sst xmlns="http://schemas.openxmlformats.org/spreadsheetml/2006/main" count="1043" uniqueCount="572">
  <si>
    <t>標準的チェックリスト</t>
    <rPh sb="0" eb="3">
      <t>ヒョウジュンテキ</t>
    </rPh>
    <phoneticPr fontId="2"/>
  </si>
  <si>
    <t>所属名</t>
    <rPh sb="0" eb="3">
      <t>ショゾクメイ</t>
    </rPh>
    <phoneticPr fontId="2"/>
  </si>
  <si>
    <t>点検者</t>
    <rPh sb="0" eb="2">
      <t>テンケン</t>
    </rPh>
    <rPh sb="2" eb="3">
      <t>シャ</t>
    </rPh>
    <phoneticPr fontId="2"/>
  </si>
  <si>
    <t>確認者</t>
    <rPh sb="0" eb="2">
      <t>カクニン</t>
    </rPh>
    <rPh sb="2" eb="3">
      <t>シャ</t>
    </rPh>
    <phoneticPr fontId="2"/>
  </si>
  <si>
    <t>ばい煙発生施設
（ボイラー等）</t>
    <rPh sb="2" eb="3">
      <t>ケムリ</t>
    </rPh>
    <rPh sb="3" eb="5">
      <t>ハッセイ</t>
    </rPh>
    <rPh sb="5" eb="7">
      <t>シセツ</t>
    </rPh>
    <rPh sb="13" eb="14">
      <t>トウ</t>
    </rPh>
    <phoneticPr fontId="2"/>
  </si>
  <si>
    <t>［設備又は業務等］</t>
    <rPh sb="1" eb="3">
      <t>セツビ</t>
    </rPh>
    <rPh sb="3" eb="4">
      <t>マタ</t>
    </rPh>
    <rPh sb="5" eb="7">
      <t>ギョウム</t>
    </rPh>
    <rPh sb="7" eb="8">
      <t>トウ</t>
    </rPh>
    <phoneticPr fontId="2"/>
  </si>
  <si>
    <t>法令名</t>
    <rPh sb="0" eb="2">
      <t>ホウレイ</t>
    </rPh>
    <rPh sb="2" eb="3">
      <t>メイ</t>
    </rPh>
    <phoneticPr fontId="2"/>
  </si>
  <si>
    <t>条項</t>
    <rPh sb="0" eb="2">
      <t>ジョウコウ</t>
    </rPh>
    <phoneticPr fontId="2"/>
  </si>
  <si>
    <t>順守すべき内容</t>
    <rPh sb="0" eb="2">
      <t>ジュンシュ</t>
    </rPh>
    <rPh sb="5" eb="7">
      <t>ナイヨウ</t>
    </rPh>
    <phoneticPr fontId="2"/>
  </si>
  <si>
    <t>点検</t>
    <rPh sb="0" eb="2">
      <t>テンケン</t>
    </rPh>
    <phoneticPr fontId="2"/>
  </si>
  <si>
    <r>
      <t>大気中に排気ガスを排出するボイラーやディーゼル機関・焼却炉などの</t>
    </r>
    <r>
      <rPr>
        <sz val="9"/>
        <color theme="1"/>
        <rFont val="ＭＳ 明朝"/>
        <family val="1"/>
        <charset val="128"/>
      </rPr>
      <t>ばい煙発生施設（★）</t>
    </r>
    <r>
      <rPr>
        <sz val="9"/>
        <color theme="1"/>
        <rFont val="ＭＳ 明朝"/>
        <family val="2"/>
        <charset val="128"/>
      </rPr>
      <t>がある場合は、</t>
    </r>
    <r>
      <rPr>
        <sz val="9"/>
        <color theme="1"/>
        <rFont val="ＭＳ 明朝"/>
        <family val="1"/>
        <charset val="128"/>
      </rPr>
      <t>大気汚染防止法等</t>
    </r>
    <r>
      <rPr>
        <sz val="9"/>
        <color theme="1"/>
        <rFont val="ＭＳ 明朝"/>
        <family val="2"/>
        <charset val="128"/>
      </rPr>
      <t>の以下の条項が適用されます。
　★　大気汚染防止法施行令別表第１で規定され、一定以上の燃焼能力がある施設等が対象です。</t>
    </r>
    <rPh sb="0" eb="2">
      <t>タイキ</t>
    </rPh>
    <rPh sb="2" eb="3">
      <t>チュウ</t>
    </rPh>
    <rPh sb="4" eb="6">
      <t>ハイキ</t>
    </rPh>
    <rPh sb="9" eb="11">
      <t>ハイシュツ</t>
    </rPh>
    <rPh sb="23" eb="25">
      <t>キカン</t>
    </rPh>
    <rPh sb="26" eb="28">
      <t>ショウキャク</t>
    </rPh>
    <rPh sb="28" eb="29">
      <t>ロ</t>
    </rPh>
    <rPh sb="34" eb="35">
      <t>ケムリ</t>
    </rPh>
    <rPh sb="35" eb="37">
      <t>ハッセイ</t>
    </rPh>
    <rPh sb="37" eb="39">
      <t>シセツ</t>
    </rPh>
    <rPh sb="45" eb="47">
      <t>バアイ</t>
    </rPh>
    <rPh sb="49" eb="51">
      <t>タイキ</t>
    </rPh>
    <rPh sb="51" eb="53">
      <t>オセン</t>
    </rPh>
    <rPh sb="53" eb="55">
      <t>ボウシ</t>
    </rPh>
    <rPh sb="55" eb="56">
      <t>ホウ</t>
    </rPh>
    <rPh sb="56" eb="57">
      <t>トウ</t>
    </rPh>
    <rPh sb="58" eb="60">
      <t>イカ</t>
    </rPh>
    <rPh sb="61" eb="63">
      <t>ジョウコウ</t>
    </rPh>
    <rPh sb="64" eb="66">
      <t>テキヨウ</t>
    </rPh>
    <rPh sb="75" eb="77">
      <t>タイキ</t>
    </rPh>
    <rPh sb="77" eb="79">
      <t>オセン</t>
    </rPh>
    <rPh sb="79" eb="81">
      <t>ボウシ</t>
    </rPh>
    <rPh sb="81" eb="82">
      <t>ホウ</t>
    </rPh>
    <rPh sb="82" eb="84">
      <t>セコウ</t>
    </rPh>
    <rPh sb="84" eb="85">
      <t>レイ</t>
    </rPh>
    <rPh sb="85" eb="87">
      <t>ベッピョウ</t>
    </rPh>
    <rPh sb="87" eb="88">
      <t>ダイ</t>
    </rPh>
    <rPh sb="90" eb="92">
      <t>キテイ</t>
    </rPh>
    <rPh sb="95" eb="97">
      <t>イッテイ</t>
    </rPh>
    <rPh sb="97" eb="99">
      <t>イジョウ</t>
    </rPh>
    <rPh sb="100" eb="102">
      <t>ネンショウ</t>
    </rPh>
    <rPh sb="102" eb="104">
      <t>ノウリョク</t>
    </rPh>
    <rPh sb="107" eb="109">
      <t>シセツ</t>
    </rPh>
    <rPh sb="109" eb="110">
      <t>トウ</t>
    </rPh>
    <rPh sb="111" eb="113">
      <t>タイショウ</t>
    </rPh>
    <phoneticPr fontId="2"/>
  </si>
  <si>
    <t>（Ｈ：法、Ｒ：法施行令、Ｋ：法施行規則、Ｊ：条例、Ｅ：その他）</t>
    <rPh sb="3" eb="4">
      <t>ホウ</t>
    </rPh>
    <rPh sb="7" eb="8">
      <t>ホウ</t>
    </rPh>
    <rPh sb="8" eb="10">
      <t>セコウ</t>
    </rPh>
    <rPh sb="10" eb="11">
      <t>レイ</t>
    </rPh>
    <rPh sb="14" eb="15">
      <t>ホウ</t>
    </rPh>
    <rPh sb="15" eb="17">
      <t>セコウ</t>
    </rPh>
    <rPh sb="17" eb="19">
      <t>キソク</t>
    </rPh>
    <rPh sb="22" eb="24">
      <t>ジョウレイ</t>
    </rPh>
    <rPh sb="29" eb="30">
      <t>タ</t>
    </rPh>
    <phoneticPr fontId="2"/>
  </si>
  <si>
    <t>項番</t>
    <rPh sb="0" eb="1">
      <t>コウ</t>
    </rPh>
    <rPh sb="1" eb="2">
      <t>バン</t>
    </rPh>
    <phoneticPr fontId="2"/>
  </si>
  <si>
    <t>点検日</t>
    <rPh sb="0" eb="2">
      <t>テンケン</t>
    </rPh>
    <rPh sb="2" eb="3">
      <t>ヒ</t>
    </rPh>
    <phoneticPr fontId="2"/>
  </si>
  <si>
    <t>実施状況</t>
    <rPh sb="0" eb="2">
      <t>ジッシ</t>
    </rPh>
    <rPh sb="2" eb="4">
      <t>ジョウキョウ</t>
    </rPh>
    <phoneticPr fontId="2"/>
  </si>
  <si>
    <t>確認内容等</t>
    <rPh sb="0" eb="2">
      <t>カクニン</t>
    </rPh>
    <rPh sb="2" eb="4">
      <t>ナイヨウ</t>
    </rPh>
    <rPh sb="4" eb="5">
      <t>トウ</t>
    </rPh>
    <phoneticPr fontId="2"/>
  </si>
  <si>
    <t>［該当条項と順守チェック］</t>
    <rPh sb="1" eb="3">
      <t>ガイトウ</t>
    </rPh>
    <rPh sb="3" eb="5">
      <t>ジョウコウ</t>
    </rPh>
    <rPh sb="6" eb="8">
      <t>ジュンシュ</t>
    </rPh>
    <phoneticPr fontId="2"/>
  </si>
  <si>
    <t>大気汚染防止法</t>
    <rPh sb="0" eb="2">
      <t>タイキ</t>
    </rPh>
    <rPh sb="2" eb="4">
      <t>オセン</t>
    </rPh>
    <rPh sb="4" eb="7">
      <t>ボウシホウ</t>
    </rPh>
    <phoneticPr fontId="2"/>
  </si>
  <si>
    <t>Ｈ８</t>
    <phoneticPr fontId="2"/>
  </si>
  <si>
    <t>チェック方法例</t>
    <rPh sb="4" eb="6">
      <t>ホウホウ</t>
    </rPh>
    <rPh sb="6" eb="7">
      <t>レイ</t>
    </rPh>
    <phoneticPr fontId="2"/>
  </si>
  <si>
    <t>Ｊ６</t>
    <phoneticPr fontId="2"/>
  </si>
  <si>
    <t>□掲示板があるか</t>
    <rPh sb="1" eb="4">
      <t>ケイジバン</t>
    </rPh>
    <phoneticPr fontId="2"/>
  </si>
  <si>
    <t>Ｊ10</t>
    <phoneticPr fontId="2"/>
  </si>
  <si>
    <t>Ｊ27</t>
    <phoneticPr fontId="2"/>
  </si>
  <si>
    <t>Ｈ16
Ｋ15</t>
    <phoneticPr fontId="2"/>
  </si>
  <si>
    <t xml:space="preserve">□定められた頻度・方法
　で測定しているか
□記録が保存されている
　か  </t>
    <rPh sb="1" eb="2">
      <t>サダ</t>
    </rPh>
    <rPh sb="6" eb="8">
      <t>ヒンド</t>
    </rPh>
    <rPh sb="9" eb="11">
      <t>ホウホウ</t>
    </rPh>
    <rPh sb="14" eb="16">
      <t>ソクテイ</t>
    </rPh>
    <rPh sb="23" eb="25">
      <t>キロク</t>
    </rPh>
    <rPh sb="26" eb="27">
      <t>タモツ</t>
    </rPh>
    <rPh sb="27" eb="28">
      <t>ソン</t>
    </rPh>
    <phoneticPr fontId="2"/>
  </si>
  <si>
    <t>※「順守すべき内容」は、概要を記載しています。詳細な内容は、所管官庁等に確認してください。</t>
    <rPh sb="2" eb="4">
      <t>ジュンシュ</t>
    </rPh>
    <rPh sb="7" eb="9">
      <t>ナイヨウ</t>
    </rPh>
    <rPh sb="12" eb="14">
      <t>ガイヨウ</t>
    </rPh>
    <rPh sb="15" eb="17">
      <t>キサイ</t>
    </rPh>
    <rPh sb="23" eb="25">
      <t>ショウサイ</t>
    </rPh>
    <rPh sb="26" eb="28">
      <t>ナイヨウ</t>
    </rPh>
    <rPh sb="30" eb="32">
      <t>ショカン</t>
    </rPh>
    <rPh sb="32" eb="34">
      <t>カンチョウ</t>
    </rPh>
    <rPh sb="34" eb="35">
      <t>トウ</t>
    </rPh>
    <rPh sb="36" eb="38">
      <t>カクニン</t>
    </rPh>
    <phoneticPr fontId="2"/>
  </si>
  <si>
    <t>神奈川県生活
環境保全条例</t>
    <rPh sb="0" eb="4">
      <t>カナガワケン</t>
    </rPh>
    <rPh sb="4" eb="6">
      <t>セイカツ</t>
    </rPh>
    <rPh sb="7" eb="9">
      <t>カンキョウ</t>
    </rPh>
    <rPh sb="9" eb="11">
      <t>ホゼン</t>
    </rPh>
    <rPh sb="11" eb="13">
      <t>ジョウレイ</t>
    </rPh>
    <phoneticPr fontId="2"/>
  </si>
  <si>
    <t>［不順守等があった場合の対応状況］</t>
    <rPh sb="1" eb="2">
      <t>フ</t>
    </rPh>
    <rPh sb="2" eb="4">
      <t>ジュンシュ</t>
    </rPh>
    <rPh sb="4" eb="5">
      <t>トウ</t>
    </rPh>
    <rPh sb="9" eb="11">
      <t>バアイ</t>
    </rPh>
    <rPh sb="12" eb="14">
      <t>タイオウ</t>
    </rPh>
    <rPh sb="14" eb="16">
      <t>ジョウキョウ</t>
    </rPh>
    <phoneticPr fontId="2"/>
  </si>
  <si>
    <t>不順守等の内容</t>
    <rPh sb="0" eb="1">
      <t>フ</t>
    </rPh>
    <rPh sb="1" eb="3">
      <t>ジュンシュ</t>
    </rPh>
    <rPh sb="3" eb="4">
      <t>トウ</t>
    </rPh>
    <rPh sb="5" eb="7">
      <t>ナイヨウ</t>
    </rPh>
    <phoneticPr fontId="2"/>
  </si>
  <si>
    <t>■変更届の提出■
・ばい煙発生施設の構造等の変更をする場合は、
　工事開始60日前までに知事に届出を行う</t>
    <rPh sb="1" eb="3">
      <t>ヘンコウ</t>
    </rPh>
    <rPh sb="3" eb="4">
      <t>トド</t>
    </rPh>
    <rPh sb="5" eb="7">
      <t>テイシュツ</t>
    </rPh>
    <rPh sb="12" eb="13">
      <t>ケムリ</t>
    </rPh>
    <rPh sb="13" eb="15">
      <t>ハッセイ</t>
    </rPh>
    <rPh sb="15" eb="17">
      <t>シセツ</t>
    </rPh>
    <rPh sb="18" eb="20">
      <t>コウゾウ</t>
    </rPh>
    <rPh sb="20" eb="21">
      <t>トウ</t>
    </rPh>
    <rPh sb="22" eb="24">
      <t>ヘンコウ</t>
    </rPh>
    <rPh sb="27" eb="29">
      <t>バアイ</t>
    </rPh>
    <rPh sb="33" eb="35">
      <t>コウジ</t>
    </rPh>
    <rPh sb="35" eb="37">
      <t>カイシ</t>
    </rPh>
    <rPh sb="39" eb="40">
      <t>ヒ</t>
    </rPh>
    <rPh sb="40" eb="41">
      <t>マエ</t>
    </rPh>
    <rPh sb="44" eb="46">
      <t>チジ</t>
    </rPh>
    <rPh sb="47" eb="49">
      <t>トドケデ</t>
    </rPh>
    <rPh sb="50" eb="51">
      <t>オコナ</t>
    </rPh>
    <phoneticPr fontId="2"/>
  </si>
  <si>
    <t>■ばい煙の測定と記録の保存■
・定期的なばい煙の量又は濃度の測定を行う
  （測定方法等はＫ15を参照）
・測定頻度　硫黄酸化物の量　：●●●●
　　　　　　ばいじんの濃度　：●●●●
　　　　　　窒素酸化物の濃度：●●●●　
・結果は記録し、３年間保存する</t>
    <rPh sb="3" eb="4">
      <t>ケムリ</t>
    </rPh>
    <rPh sb="5" eb="7">
      <t>ソクテイ</t>
    </rPh>
    <rPh sb="8" eb="10">
      <t>キロク</t>
    </rPh>
    <rPh sb="11" eb="13">
      <t>ホゾン</t>
    </rPh>
    <rPh sb="16" eb="19">
      <t>テイキテキ</t>
    </rPh>
    <rPh sb="22" eb="23">
      <t>ケムリ</t>
    </rPh>
    <rPh sb="24" eb="25">
      <t>リョウ</t>
    </rPh>
    <rPh sb="25" eb="26">
      <t>マタ</t>
    </rPh>
    <rPh sb="27" eb="29">
      <t>ノウド</t>
    </rPh>
    <rPh sb="30" eb="32">
      <t>ソクテイ</t>
    </rPh>
    <rPh sb="33" eb="34">
      <t>オコナ</t>
    </rPh>
    <rPh sb="39" eb="41">
      <t>ソクテイ</t>
    </rPh>
    <rPh sb="41" eb="43">
      <t>ホウホウ</t>
    </rPh>
    <rPh sb="43" eb="44">
      <t>トウ</t>
    </rPh>
    <rPh sb="49" eb="51">
      <t>サンショウ</t>
    </rPh>
    <rPh sb="54" eb="56">
      <t>ソクテイ</t>
    </rPh>
    <rPh sb="56" eb="58">
      <t>ヒンド</t>
    </rPh>
    <rPh sb="59" eb="61">
      <t>イオウ</t>
    </rPh>
    <rPh sb="61" eb="63">
      <t>サンカ</t>
    </rPh>
    <rPh sb="63" eb="64">
      <t>ブツ</t>
    </rPh>
    <rPh sb="65" eb="66">
      <t>リョウ</t>
    </rPh>
    <rPh sb="84" eb="86">
      <t>ノウド</t>
    </rPh>
    <rPh sb="99" eb="101">
      <t>チッソ</t>
    </rPh>
    <rPh sb="101" eb="104">
      <t>サンカブツ</t>
    </rPh>
    <rPh sb="105" eb="107">
      <t>ノウド</t>
    </rPh>
    <rPh sb="115" eb="117">
      <t>ケッカ</t>
    </rPh>
    <rPh sb="118" eb="120">
      <t>キロク</t>
    </rPh>
    <rPh sb="123" eb="125">
      <t>ネンカン</t>
    </rPh>
    <rPh sb="125" eb="127">
      <t>ホゾン</t>
    </rPh>
    <phoneticPr fontId="2"/>
  </si>
  <si>
    <t>■表示板の設置■
・指定事業所の名称、許可年月日等を記載した表
　示板を掲示する</t>
    <rPh sb="1" eb="4">
      <t>ヒョウジバン</t>
    </rPh>
    <rPh sb="5" eb="7">
      <t>セッチ</t>
    </rPh>
    <rPh sb="10" eb="12">
      <t>シテイ</t>
    </rPh>
    <rPh sb="12" eb="15">
      <t>ジギョウショ</t>
    </rPh>
    <rPh sb="16" eb="18">
      <t>メイショウ</t>
    </rPh>
    <rPh sb="19" eb="21">
      <t>キョカ</t>
    </rPh>
    <rPh sb="21" eb="24">
      <t>ネンガッピ</t>
    </rPh>
    <rPh sb="24" eb="25">
      <t>トウ</t>
    </rPh>
    <rPh sb="26" eb="28">
      <t>キサイ</t>
    </rPh>
    <rPh sb="30" eb="31">
      <t>オモテ</t>
    </rPh>
    <rPh sb="33" eb="34">
      <t>シメス</t>
    </rPh>
    <rPh sb="34" eb="35">
      <t>イタ</t>
    </rPh>
    <rPh sb="36" eb="38">
      <t>ケイジ</t>
    </rPh>
    <phoneticPr fontId="2"/>
  </si>
  <si>
    <t>改善の内容</t>
    <rPh sb="0" eb="2">
      <t>カイゼン</t>
    </rPh>
    <rPh sb="3" eb="5">
      <t>ナイヨウ</t>
    </rPh>
    <phoneticPr fontId="2"/>
  </si>
  <si>
    <t>送風機・空気圧縮機</t>
    <rPh sb="0" eb="3">
      <t>ソウフウキ</t>
    </rPh>
    <rPh sb="4" eb="6">
      <t>クウキ</t>
    </rPh>
    <rPh sb="6" eb="8">
      <t>アッシュク</t>
    </rPh>
    <rPh sb="8" eb="9">
      <t>キ</t>
    </rPh>
    <phoneticPr fontId="2"/>
  </si>
  <si>
    <t>Ｈ６</t>
    <phoneticPr fontId="2"/>
  </si>
  <si>
    <t>□設置時の届出を確認</t>
    <rPh sb="1" eb="3">
      <t>セッチ</t>
    </rPh>
    <rPh sb="3" eb="4">
      <t>ジ</t>
    </rPh>
    <rPh sb="5" eb="7">
      <t>トドケデ</t>
    </rPh>
    <rPh sb="8" eb="10">
      <t>カクニン</t>
    </rPh>
    <phoneticPr fontId="2"/>
  </si>
  <si>
    <t>□変更の有無を確認
□変更届出書を確認</t>
    <rPh sb="1" eb="3">
      <t>ヘンコウ</t>
    </rPh>
    <rPh sb="4" eb="5">
      <t>ユウ</t>
    </rPh>
    <rPh sb="5" eb="6">
      <t>ム</t>
    </rPh>
    <rPh sb="7" eb="9">
      <t>カクニン</t>
    </rPh>
    <rPh sb="11" eb="13">
      <t>ヘンコウ</t>
    </rPh>
    <rPh sb="13" eb="15">
      <t>トドケデ</t>
    </rPh>
    <rPh sb="15" eb="16">
      <t>ショ</t>
    </rPh>
    <rPh sb="17" eb="19">
      <t>カクニン</t>
    </rPh>
    <phoneticPr fontId="2"/>
  </si>
  <si>
    <t>□(測定を行った場合)基
　準値を順守しているか
□近隣からの苦情等は
　発生していないか</t>
    <rPh sb="2" eb="4">
      <t>ソクテイ</t>
    </rPh>
    <rPh sb="5" eb="6">
      <t>オコナ</t>
    </rPh>
    <rPh sb="8" eb="10">
      <t>バアイ</t>
    </rPh>
    <rPh sb="11" eb="12">
      <t>モトイ</t>
    </rPh>
    <rPh sb="14" eb="15">
      <t>ジュン</t>
    </rPh>
    <rPh sb="15" eb="16">
      <t>アタイ</t>
    </rPh>
    <rPh sb="17" eb="19">
      <t>ジュンシュ</t>
    </rPh>
    <rPh sb="26" eb="28">
      <t>キンリン</t>
    </rPh>
    <rPh sb="31" eb="33">
      <t>クジョウ</t>
    </rPh>
    <rPh sb="33" eb="34">
      <t>トウ</t>
    </rPh>
    <rPh sb="37" eb="39">
      <t>ハッセイ</t>
    </rPh>
    <phoneticPr fontId="2"/>
  </si>
  <si>
    <t>□変更の有無を確認
□変更届出書を確認</t>
    <rPh sb="1" eb="3">
      <t>ヘンコウ</t>
    </rPh>
    <rPh sb="4" eb="6">
      <t>ウム</t>
    </rPh>
    <rPh sb="7" eb="9">
      <t>カクニン</t>
    </rPh>
    <rPh sb="11" eb="13">
      <t>ヘンコウ</t>
    </rPh>
    <rPh sb="13" eb="15">
      <t>トドケデ</t>
    </rPh>
    <rPh sb="15" eb="16">
      <t>ショ</t>
    </rPh>
    <rPh sb="17" eb="19">
      <t>カクニン</t>
    </rPh>
    <phoneticPr fontId="2"/>
  </si>
  <si>
    <t>■規制基準の順守■
・指定地域内で、規制基準を順守する。
　※規制基準は地域、用途地域の指定、時間帯、
　　近隣施設の種類（学校等）により異なる。</t>
    <rPh sb="1" eb="3">
      <t>キセイ</t>
    </rPh>
    <rPh sb="3" eb="5">
      <t>キジュン</t>
    </rPh>
    <rPh sb="6" eb="8">
      <t>ジュンシュ</t>
    </rPh>
    <rPh sb="11" eb="13">
      <t>シテイ</t>
    </rPh>
    <rPh sb="13" eb="15">
      <t>チイキ</t>
    </rPh>
    <rPh sb="15" eb="16">
      <t>ナイ</t>
    </rPh>
    <rPh sb="18" eb="19">
      <t>タダシ</t>
    </rPh>
    <rPh sb="19" eb="20">
      <t>セイ</t>
    </rPh>
    <rPh sb="20" eb="22">
      <t>キジュン</t>
    </rPh>
    <rPh sb="23" eb="25">
      <t>ジュンシュ</t>
    </rPh>
    <rPh sb="31" eb="33">
      <t>キセイ</t>
    </rPh>
    <rPh sb="33" eb="35">
      <t>キジュン</t>
    </rPh>
    <rPh sb="36" eb="38">
      <t>チイキ</t>
    </rPh>
    <rPh sb="39" eb="41">
      <t>ヨウト</t>
    </rPh>
    <rPh sb="41" eb="43">
      <t>チイキ</t>
    </rPh>
    <rPh sb="44" eb="46">
      <t>シテイ</t>
    </rPh>
    <rPh sb="47" eb="50">
      <t>ジカンタイ</t>
    </rPh>
    <rPh sb="54" eb="56">
      <t>キンリン</t>
    </rPh>
    <rPh sb="56" eb="58">
      <t>シセツ</t>
    </rPh>
    <rPh sb="59" eb="61">
      <t>シュルイ</t>
    </rPh>
    <rPh sb="62" eb="65">
      <t>ガッコウトウ</t>
    </rPh>
    <rPh sb="69" eb="70">
      <t>コト</t>
    </rPh>
    <phoneticPr fontId="2"/>
  </si>
  <si>
    <t>■規制基準の順守■
・指定地域内で、規制基準を順守する。
　※規制基準は地域、用途地域の指定、時間帯、
　　近隣施設の種類（学校等）により異なる　</t>
    <rPh sb="1" eb="3">
      <t>キセイ</t>
    </rPh>
    <rPh sb="3" eb="5">
      <t>キジュン</t>
    </rPh>
    <rPh sb="6" eb="8">
      <t>ジュンシュ</t>
    </rPh>
    <rPh sb="11" eb="13">
      <t>シテイ</t>
    </rPh>
    <rPh sb="13" eb="15">
      <t>チイキ</t>
    </rPh>
    <rPh sb="15" eb="16">
      <t>ナイ</t>
    </rPh>
    <rPh sb="18" eb="19">
      <t>タダシ</t>
    </rPh>
    <rPh sb="19" eb="20">
      <t>セイ</t>
    </rPh>
    <rPh sb="20" eb="22">
      <t>キジュン</t>
    </rPh>
    <rPh sb="23" eb="25">
      <t>ジュンシュ</t>
    </rPh>
    <rPh sb="31" eb="33">
      <t>キセイ</t>
    </rPh>
    <rPh sb="33" eb="35">
      <t>キジュン</t>
    </rPh>
    <rPh sb="36" eb="38">
      <t>チイキ</t>
    </rPh>
    <rPh sb="39" eb="41">
      <t>ヨウト</t>
    </rPh>
    <rPh sb="41" eb="43">
      <t>チイキ</t>
    </rPh>
    <rPh sb="44" eb="46">
      <t>シテイ</t>
    </rPh>
    <rPh sb="47" eb="50">
      <t>ジカンタイ</t>
    </rPh>
    <rPh sb="54" eb="56">
      <t>キンリン</t>
    </rPh>
    <rPh sb="56" eb="58">
      <t>シセツ</t>
    </rPh>
    <rPh sb="59" eb="61">
      <t>シュルイ</t>
    </rPh>
    <rPh sb="62" eb="64">
      <t>ガッコウ</t>
    </rPh>
    <rPh sb="64" eb="65">
      <t>トウ</t>
    </rPh>
    <rPh sb="69" eb="70">
      <t>コト</t>
    </rPh>
    <phoneticPr fontId="2"/>
  </si>
  <si>
    <t>Ｈ５
（告示)</t>
    <rPh sb="4" eb="6">
      <t>コクジ</t>
    </rPh>
    <phoneticPr fontId="2"/>
  </si>
  <si>
    <t>■変更届の提出■
・特定施設の種類などを変更する場合は、工事開
　始30日前までに、市町村長に届出を行う</t>
    <rPh sb="1" eb="3">
      <t>ヘンコウ</t>
    </rPh>
    <rPh sb="3" eb="4">
      <t>トド</t>
    </rPh>
    <rPh sb="5" eb="7">
      <t>テイシュツ</t>
    </rPh>
    <rPh sb="10" eb="12">
      <t>トクテイ</t>
    </rPh>
    <rPh sb="12" eb="14">
      <t>シセツ</t>
    </rPh>
    <rPh sb="15" eb="17">
      <t>シュルイ</t>
    </rPh>
    <rPh sb="20" eb="22">
      <t>ヘンコウ</t>
    </rPh>
    <rPh sb="24" eb="26">
      <t>バアイ</t>
    </rPh>
    <rPh sb="28" eb="30">
      <t>コウジ</t>
    </rPh>
    <rPh sb="30" eb="31">
      <t>ヒラキ</t>
    </rPh>
    <rPh sb="33" eb="34">
      <t>ハジメ</t>
    </rPh>
    <rPh sb="36" eb="37">
      <t>ヒ</t>
    </rPh>
    <rPh sb="37" eb="38">
      <t>マエ</t>
    </rPh>
    <rPh sb="42" eb="44">
      <t>シチョウ</t>
    </rPh>
    <rPh sb="44" eb="46">
      <t>ソンチョウ</t>
    </rPh>
    <rPh sb="47" eb="49">
      <t>トドケデ</t>
    </rPh>
    <rPh sb="50" eb="51">
      <t>オコナ</t>
    </rPh>
    <phoneticPr fontId="2"/>
  </si>
  <si>
    <t>業務用空調機・冷蔵機器・冷凍機器</t>
    <rPh sb="0" eb="3">
      <t>ギョウムヨウ</t>
    </rPh>
    <rPh sb="3" eb="6">
      <t>クウチョウキ</t>
    </rPh>
    <rPh sb="7" eb="9">
      <t>レイゾウ</t>
    </rPh>
    <rPh sb="9" eb="11">
      <t>キキ</t>
    </rPh>
    <rPh sb="12" eb="14">
      <t>レイトウ</t>
    </rPh>
    <rPh sb="14" eb="16">
      <t>キキ</t>
    </rPh>
    <phoneticPr fontId="2"/>
  </si>
  <si>
    <t>フロン排出抑制法</t>
    <rPh sb="3" eb="5">
      <t>ハイシュツ</t>
    </rPh>
    <rPh sb="5" eb="7">
      <t>ヨクセイ</t>
    </rPh>
    <rPh sb="7" eb="8">
      <t>ホウ</t>
    </rPh>
    <phoneticPr fontId="2"/>
  </si>
  <si>
    <t>Ｈ16
（告示)</t>
    <rPh sb="5" eb="7">
      <t>コクジ</t>
    </rPh>
    <phoneticPr fontId="2"/>
  </si>
  <si>
    <t>■適切な場所への設置・使用環境の確保■
・損傷や振動を与える機器が周囲にないか
・点検、修理に必要なスペースがあるか
・熱交換器等に汚れの付着などがないか　等</t>
    <rPh sb="1" eb="3">
      <t>テキセツ</t>
    </rPh>
    <rPh sb="4" eb="6">
      <t>バショ</t>
    </rPh>
    <rPh sb="8" eb="10">
      <t>セッチ</t>
    </rPh>
    <rPh sb="11" eb="13">
      <t>シヨウ</t>
    </rPh>
    <rPh sb="13" eb="15">
      <t>カンキョウ</t>
    </rPh>
    <rPh sb="16" eb="18">
      <t>カクホ</t>
    </rPh>
    <rPh sb="21" eb="23">
      <t>ソンショウ</t>
    </rPh>
    <rPh sb="24" eb="26">
      <t>シンドウ</t>
    </rPh>
    <rPh sb="27" eb="28">
      <t>アタ</t>
    </rPh>
    <rPh sb="30" eb="32">
      <t>キキ</t>
    </rPh>
    <rPh sb="33" eb="35">
      <t>シュウイ</t>
    </rPh>
    <rPh sb="41" eb="43">
      <t>テンケン</t>
    </rPh>
    <rPh sb="44" eb="46">
      <t>シュウリ</t>
    </rPh>
    <rPh sb="47" eb="49">
      <t>ヒツヨウ</t>
    </rPh>
    <rPh sb="60" eb="64">
      <t>ネツコウカンキ</t>
    </rPh>
    <rPh sb="64" eb="65">
      <t>トウ</t>
    </rPh>
    <rPh sb="66" eb="67">
      <t>ヨゴ</t>
    </rPh>
    <rPh sb="69" eb="71">
      <t>フチャク</t>
    </rPh>
    <rPh sb="78" eb="79">
      <t>トウ</t>
    </rPh>
    <phoneticPr fontId="2"/>
  </si>
  <si>
    <t>□左記項目を目視で確認</t>
    <rPh sb="1" eb="3">
      <t>サキ</t>
    </rPh>
    <rPh sb="3" eb="5">
      <t>コウモク</t>
    </rPh>
    <rPh sb="6" eb="8">
      <t>モクシ</t>
    </rPh>
    <rPh sb="9" eb="11">
      <t>カクニン</t>
    </rPh>
    <phoneticPr fontId="2"/>
  </si>
  <si>
    <t>特定施設からの
公共用水域への排水</t>
    <rPh sb="0" eb="2">
      <t>トクテイ</t>
    </rPh>
    <rPh sb="2" eb="4">
      <t>シセツ</t>
    </rPh>
    <rPh sb="8" eb="10">
      <t>コウキョウ</t>
    </rPh>
    <rPh sb="10" eb="11">
      <t>ヨウ</t>
    </rPh>
    <rPh sb="11" eb="13">
      <t>スイイキ</t>
    </rPh>
    <rPh sb="15" eb="17">
      <t>ハイスイ</t>
    </rPh>
    <phoneticPr fontId="2"/>
  </si>
  <si>
    <t>水質汚濁防止法</t>
    <rPh sb="0" eb="2">
      <t>スイシツ</t>
    </rPh>
    <rPh sb="2" eb="4">
      <t>オダク</t>
    </rPh>
    <rPh sb="4" eb="7">
      <t>ボウシホウ</t>
    </rPh>
    <phoneticPr fontId="2"/>
  </si>
  <si>
    <t>□変更等の有無を確認
□変更届出書を確認</t>
    <rPh sb="1" eb="3">
      <t>ヘンコウ</t>
    </rPh>
    <rPh sb="3" eb="4">
      <t>トウ</t>
    </rPh>
    <rPh sb="5" eb="6">
      <t>ユウ</t>
    </rPh>
    <rPh sb="6" eb="7">
      <t>ム</t>
    </rPh>
    <rPh sb="8" eb="10">
      <t>カクニン</t>
    </rPh>
    <rPh sb="12" eb="14">
      <t>ヘンコウ</t>
    </rPh>
    <rPh sb="14" eb="16">
      <t>トドケデ</t>
    </rPh>
    <rPh sb="16" eb="17">
      <t>ショ</t>
    </rPh>
    <rPh sb="18" eb="20">
      <t>カクニン</t>
    </rPh>
    <phoneticPr fontId="2"/>
  </si>
  <si>
    <t>Ｈ12</t>
    <phoneticPr fontId="2"/>
  </si>
  <si>
    <t>□Ｈ14に基づく測定結果
　により確認</t>
    <rPh sb="5" eb="6">
      <t>モト</t>
    </rPh>
    <rPh sb="8" eb="10">
      <t>ソクテイ</t>
    </rPh>
    <rPh sb="10" eb="12">
      <t>ケッカ</t>
    </rPh>
    <rPh sb="17" eb="19">
      <t>カクニン</t>
    </rPh>
    <phoneticPr fontId="2"/>
  </si>
  <si>
    <t>Ｈ14</t>
    <phoneticPr fontId="2"/>
  </si>
  <si>
    <t xml:space="preserve">□定められた頻度・方法
　で測定しているか
□記録が３年間保存され
　ているか  </t>
    <rPh sb="1" eb="2">
      <t>サダ</t>
    </rPh>
    <rPh sb="6" eb="8">
      <t>ヒンド</t>
    </rPh>
    <rPh sb="9" eb="11">
      <t>ホウホウ</t>
    </rPh>
    <rPh sb="14" eb="16">
      <t>ソクテイ</t>
    </rPh>
    <rPh sb="23" eb="25">
      <t>キロク</t>
    </rPh>
    <rPh sb="27" eb="29">
      <t>ネンカン</t>
    </rPh>
    <rPh sb="29" eb="30">
      <t>タモツ</t>
    </rPh>
    <rPh sb="30" eb="31">
      <t>ソン</t>
    </rPh>
    <phoneticPr fontId="2"/>
  </si>
  <si>
    <t>Ｈ14の
２</t>
    <phoneticPr fontId="2"/>
  </si>
  <si>
    <t>□該当事象はあったか
□直ちに応急措置及び報
　告を行ったか
　（記録を確認する）</t>
    <rPh sb="1" eb="3">
      <t>ガイトウ</t>
    </rPh>
    <rPh sb="3" eb="5">
      <t>ジショウ</t>
    </rPh>
    <rPh sb="12" eb="13">
      <t>タダ</t>
    </rPh>
    <rPh sb="15" eb="17">
      <t>オウキュウ</t>
    </rPh>
    <rPh sb="17" eb="19">
      <t>ソチ</t>
    </rPh>
    <rPh sb="19" eb="20">
      <t>オヨ</t>
    </rPh>
    <rPh sb="21" eb="22">
      <t>ホウ</t>
    </rPh>
    <rPh sb="24" eb="25">
      <t>コク</t>
    </rPh>
    <rPh sb="26" eb="27">
      <t>オコナ</t>
    </rPh>
    <rPh sb="33" eb="35">
      <t>キロク</t>
    </rPh>
    <rPh sb="36" eb="38">
      <t>カクニン</t>
    </rPh>
    <phoneticPr fontId="2"/>
  </si>
  <si>
    <t>■排煙の測定■
・一定規模以上の指定施設は年２回以上の測定を
　行う
・結果は記録し、３年間（又は５年）保存する</t>
    <rPh sb="1" eb="3">
      <t>ハイエン</t>
    </rPh>
    <rPh sb="4" eb="6">
      <t>ソクテイ</t>
    </rPh>
    <rPh sb="9" eb="11">
      <t>イッテイ</t>
    </rPh>
    <rPh sb="11" eb="13">
      <t>キボ</t>
    </rPh>
    <rPh sb="13" eb="15">
      <t>イジョウ</t>
    </rPh>
    <rPh sb="16" eb="18">
      <t>シテイ</t>
    </rPh>
    <rPh sb="18" eb="20">
      <t>シセツ</t>
    </rPh>
    <rPh sb="21" eb="22">
      <t>ネン</t>
    </rPh>
    <rPh sb="23" eb="24">
      <t>カイ</t>
    </rPh>
    <rPh sb="24" eb="26">
      <t>イジョウ</t>
    </rPh>
    <rPh sb="27" eb="29">
      <t>ソクテイ</t>
    </rPh>
    <rPh sb="32" eb="33">
      <t>オコナ</t>
    </rPh>
    <rPh sb="36" eb="38">
      <t>ケッカ</t>
    </rPh>
    <rPh sb="39" eb="41">
      <t>キロク</t>
    </rPh>
    <rPh sb="44" eb="46">
      <t>ネンカン</t>
    </rPh>
    <rPh sb="47" eb="48">
      <t>マタ</t>
    </rPh>
    <rPh sb="50" eb="51">
      <t>ネン</t>
    </rPh>
    <rPh sb="52" eb="54">
      <t>ホゾン</t>
    </rPh>
    <phoneticPr fontId="2"/>
  </si>
  <si>
    <t>■排出水の排出制限■
・排出基準に適合しない排水は排出できない
　※排出基準は全国一律の基準のほか、県条例等
　　で水域の種類等に応じた基準が別にある</t>
    <rPh sb="1" eb="3">
      <t>ハイシュツ</t>
    </rPh>
    <rPh sb="3" eb="4">
      <t>ミズ</t>
    </rPh>
    <rPh sb="5" eb="7">
      <t>ハイシュツ</t>
    </rPh>
    <rPh sb="7" eb="9">
      <t>セイゲン</t>
    </rPh>
    <rPh sb="12" eb="14">
      <t>ハイシュツ</t>
    </rPh>
    <rPh sb="14" eb="16">
      <t>キジュン</t>
    </rPh>
    <rPh sb="17" eb="19">
      <t>テキゴウ</t>
    </rPh>
    <rPh sb="22" eb="24">
      <t>ハイスイ</t>
    </rPh>
    <rPh sb="25" eb="27">
      <t>ハイシュツ</t>
    </rPh>
    <rPh sb="34" eb="36">
      <t>ハイシュツ</t>
    </rPh>
    <rPh sb="36" eb="38">
      <t>キジュン</t>
    </rPh>
    <rPh sb="39" eb="41">
      <t>ゼンコク</t>
    </rPh>
    <rPh sb="41" eb="43">
      <t>イチリツ</t>
    </rPh>
    <rPh sb="44" eb="46">
      <t>キジュン</t>
    </rPh>
    <rPh sb="50" eb="51">
      <t>ケン</t>
    </rPh>
    <rPh sb="51" eb="53">
      <t>ジョウレイ</t>
    </rPh>
    <rPh sb="53" eb="54">
      <t>トウ</t>
    </rPh>
    <rPh sb="58" eb="60">
      <t>スイイキ</t>
    </rPh>
    <rPh sb="61" eb="62">
      <t>タネ</t>
    </rPh>
    <rPh sb="62" eb="63">
      <t>タグイ</t>
    </rPh>
    <rPh sb="63" eb="64">
      <t>トウ</t>
    </rPh>
    <rPh sb="65" eb="66">
      <t>オウ</t>
    </rPh>
    <rPh sb="68" eb="70">
      <t>キジュン</t>
    </rPh>
    <rPh sb="71" eb="72">
      <t>ベツ</t>
    </rPh>
    <phoneticPr fontId="2"/>
  </si>
  <si>
    <t>下水道への排水</t>
    <rPh sb="0" eb="3">
      <t>ゲスイドウ</t>
    </rPh>
    <rPh sb="5" eb="7">
      <t>ハイスイ</t>
    </rPh>
    <phoneticPr fontId="2"/>
  </si>
  <si>
    <t>下水道法</t>
    <rPh sb="0" eb="4">
      <t>ゲスイドウホウ</t>
    </rPh>
    <phoneticPr fontId="2"/>
  </si>
  <si>
    <t>□該当事象はあったか
□直ちに応急措置及び報
　告を行ったか
　（記録を確認）</t>
    <rPh sb="1" eb="3">
      <t>ガイトウ</t>
    </rPh>
    <rPh sb="3" eb="5">
      <t>ジショウ</t>
    </rPh>
    <rPh sb="12" eb="13">
      <t>タダ</t>
    </rPh>
    <rPh sb="15" eb="17">
      <t>オウキュウ</t>
    </rPh>
    <rPh sb="17" eb="19">
      <t>ソチ</t>
    </rPh>
    <rPh sb="19" eb="20">
      <t>オヨ</t>
    </rPh>
    <rPh sb="21" eb="22">
      <t>ホウ</t>
    </rPh>
    <rPh sb="24" eb="25">
      <t>コク</t>
    </rPh>
    <rPh sb="26" eb="27">
      <t>オコナ</t>
    </rPh>
    <rPh sb="33" eb="35">
      <t>キロク</t>
    </rPh>
    <rPh sb="36" eb="38">
      <t>カクニン</t>
    </rPh>
    <phoneticPr fontId="2"/>
  </si>
  <si>
    <t>政令で定める量・水質を超える下水を公共下水道に排除(排水）する場合や、水質汚濁防止法・ダイオキシン類特別措置法に定める特定施設を有する事業所は、下水道法等の以下の条項が適用されます。</t>
    <rPh sb="0" eb="2">
      <t>セイレイ</t>
    </rPh>
    <rPh sb="3" eb="4">
      <t>サダ</t>
    </rPh>
    <rPh sb="6" eb="7">
      <t>リョウ</t>
    </rPh>
    <rPh sb="8" eb="10">
      <t>スイシツ</t>
    </rPh>
    <rPh sb="11" eb="12">
      <t>コ</t>
    </rPh>
    <rPh sb="14" eb="16">
      <t>ゲスイ</t>
    </rPh>
    <rPh sb="17" eb="19">
      <t>コウキョウ</t>
    </rPh>
    <rPh sb="19" eb="22">
      <t>ゲスイドウ</t>
    </rPh>
    <rPh sb="23" eb="25">
      <t>ハイジョ</t>
    </rPh>
    <rPh sb="26" eb="28">
      <t>ハイスイ</t>
    </rPh>
    <rPh sb="31" eb="33">
      <t>バアイ</t>
    </rPh>
    <rPh sb="35" eb="37">
      <t>スイシツ</t>
    </rPh>
    <rPh sb="37" eb="39">
      <t>オダク</t>
    </rPh>
    <rPh sb="39" eb="42">
      <t>ボウシホウ</t>
    </rPh>
    <rPh sb="49" eb="50">
      <t>ルイ</t>
    </rPh>
    <rPh sb="50" eb="52">
      <t>トクベツ</t>
    </rPh>
    <rPh sb="52" eb="55">
      <t>ソチホウ</t>
    </rPh>
    <rPh sb="56" eb="57">
      <t>サダ</t>
    </rPh>
    <rPh sb="59" eb="61">
      <t>トクテイ</t>
    </rPh>
    <rPh sb="61" eb="63">
      <t>シセツ</t>
    </rPh>
    <rPh sb="64" eb="65">
      <t>ユウ</t>
    </rPh>
    <rPh sb="67" eb="70">
      <t>ジギョウショ</t>
    </rPh>
    <rPh sb="72" eb="75">
      <t>ゲスイドウ</t>
    </rPh>
    <rPh sb="75" eb="76">
      <t>ホウ</t>
    </rPh>
    <rPh sb="76" eb="77">
      <t>トウ</t>
    </rPh>
    <rPh sb="78" eb="80">
      <t>イカ</t>
    </rPh>
    <rPh sb="81" eb="83">
      <t>ジョウコウ</t>
    </rPh>
    <rPh sb="84" eb="86">
      <t>テキヨウ</t>
    </rPh>
    <phoneticPr fontId="2"/>
  </si>
  <si>
    <t>□Ｈ12の12に基づく測定
　結果により確認</t>
    <rPh sb="8" eb="9">
      <t>モト</t>
    </rPh>
    <rPh sb="11" eb="13">
      <t>ソクテイ</t>
    </rPh>
    <rPh sb="15" eb="17">
      <t>ケッカ</t>
    </rPh>
    <rPh sb="20" eb="22">
      <t>カクニン</t>
    </rPh>
    <phoneticPr fontId="2"/>
  </si>
  <si>
    <t>※以下は特定
施設のみ</t>
    <rPh sb="1" eb="3">
      <t>イカ</t>
    </rPh>
    <rPh sb="4" eb="6">
      <t>トクテイ</t>
    </rPh>
    <rPh sb="7" eb="9">
      <t>シセツ</t>
    </rPh>
    <phoneticPr fontId="2"/>
  </si>
  <si>
    <t>□設置時の届出を確認
□変更等の有無を確認
□変更届出書を確認</t>
    <rPh sb="1" eb="3">
      <t>セッチ</t>
    </rPh>
    <rPh sb="3" eb="4">
      <t>ジ</t>
    </rPh>
    <rPh sb="5" eb="7">
      <t>トドケデ</t>
    </rPh>
    <rPh sb="8" eb="10">
      <t>カクニン</t>
    </rPh>
    <rPh sb="12" eb="14">
      <t>ヘンコウ</t>
    </rPh>
    <rPh sb="14" eb="15">
      <t>トウ</t>
    </rPh>
    <rPh sb="16" eb="17">
      <t>ユウ</t>
    </rPh>
    <rPh sb="17" eb="18">
      <t>ム</t>
    </rPh>
    <rPh sb="19" eb="21">
      <t>カクニン</t>
    </rPh>
    <rPh sb="23" eb="25">
      <t>ヘンコウ</t>
    </rPh>
    <rPh sb="25" eb="27">
      <t>トドケデ</t>
    </rPh>
    <rPh sb="27" eb="28">
      <t>ショ</t>
    </rPh>
    <rPh sb="29" eb="31">
      <t>カクニン</t>
    </rPh>
    <phoneticPr fontId="2"/>
  </si>
  <si>
    <t>■実施の制限■
・上記の届出の受理後、60日経過後でなければ、
　設置又は変更できない。</t>
    <rPh sb="1" eb="3">
      <t>ジッシ</t>
    </rPh>
    <rPh sb="4" eb="6">
      <t>セイゲン</t>
    </rPh>
    <rPh sb="9" eb="11">
      <t>ジョウキ</t>
    </rPh>
    <rPh sb="12" eb="14">
      <t>トドケデ</t>
    </rPh>
    <rPh sb="15" eb="17">
      <t>ジュリ</t>
    </rPh>
    <rPh sb="17" eb="18">
      <t>ゴ</t>
    </rPh>
    <rPh sb="21" eb="22">
      <t>ヒ</t>
    </rPh>
    <rPh sb="22" eb="24">
      <t>ケイカ</t>
    </rPh>
    <rPh sb="24" eb="25">
      <t>ゴ</t>
    </rPh>
    <rPh sb="33" eb="35">
      <t>セッチ</t>
    </rPh>
    <rPh sb="35" eb="36">
      <t>マタ</t>
    </rPh>
    <rPh sb="37" eb="39">
      <t>ヘンコウ</t>
    </rPh>
    <phoneticPr fontId="2"/>
  </si>
  <si>
    <t xml:space="preserve">□定められた頻度・方法
　で測定しているか
□記録が５年間保存され
　ているか  </t>
    <rPh sb="1" eb="2">
      <t>サダ</t>
    </rPh>
    <rPh sb="6" eb="8">
      <t>ヒンド</t>
    </rPh>
    <rPh sb="9" eb="11">
      <t>ホウホウ</t>
    </rPh>
    <rPh sb="14" eb="16">
      <t>ソクテイ</t>
    </rPh>
    <rPh sb="23" eb="25">
      <t>キロク</t>
    </rPh>
    <rPh sb="27" eb="29">
      <t>ネンカン</t>
    </rPh>
    <rPh sb="29" eb="30">
      <t>タモツ</t>
    </rPh>
    <rPh sb="30" eb="31">
      <t>ソン</t>
    </rPh>
    <phoneticPr fontId="2"/>
  </si>
  <si>
    <t>浄化槽</t>
    <rPh sb="0" eb="3">
      <t>ジョウカソウ</t>
    </rPh>
    <phoneticPr fontId="2"/>
  </si>
  <si>
    <t>浄化槽法</t>
    <rPh sb="0" eb="3">
      <t>ジョウカソウ</t>
    </rPh>
    <rPh sb="3" eb="4">
      <t>ホウ</t>
    </rPh>
    <phoneticPr fontId="2"/>
  </si>
  <si>
    <t>□検査結果を確認</t>
    <rPh sb="1" eb="3">
      <t>ケンサ</t>
    </rPh>
    <rPh sb="3" eb="5">
      <t>ケッカ</t>
    </rPh>
    <rPh sb="6" eb="8">
      <t>カクニン</t>
    </rPh>
    <phoneticPr fontId="2"/>
  </si>
  <si>
    <t>□定期的に点検を行って
　いるか
（点検記録を確認）</t>
    <rPh sb="1" eb="4">
      <t>テイキテキ</t>
    </rPh>
    <rPh sb="5" eb="7">
      <t>テンケン</t>
    </rPh>
    <rPh sb="8" eb="9">
      <t>オコナ</t>
    </rPh>
    <rPh sb="18" eb="20">
      <t>テンケン</t>
    </rPh>
    <rPh sb="20" eb="22">
      <t>キロク</t>
    </rPh>
    <rPh sb="23" eb="25">
      <t>カクニン</t>
    </rPh>
    <phoneticPr fontId="2"/>
  </si>
  <si>
    <t>□定期的に清掃を行って
　いるか
（清掃記録を確認）</t>
    <rPh sb="1" eb="4">
      <t>テイキテキ</t>
    </rPh>
    <rPh sb="5" eb="7">
      <t>セイソウ</t>
    </rPh>
    <rPh sb="8" eb="9">
      <t>オコナ</t>
    </rPh>
    <rPh sb="18" eb="20">
      <t>セイソウ</t>
    </rPh>
    <rPh sb="20" eb="22">
      <t>キロク</t>
    </rPh>
    <rPh sb="23" eb="25">
      <t>カクニン</t>
    </rPh>
    <phoneticPr fontId="2"/>
  </si>
  <si>
    <t>Ｈ11</t>
    <phoneticPr fontId="2"/>
  </si>
  <si>
    <t>■定期的な排水の測定■
・300㎥／日以上の場合は、月に１回の測定を行う
・結果は記録し、３年間保存する</t>
    <rPh sb="1" eb="4">
      <t>テイキテキ</t>
    </rPh>
    <rPh sb="5" eb="7">
      <t>ハイスイ</t>
    </rPh>
    <rPh sb="8" eb="10">
      <t>ソクテイ</t>
    </rPh>
    <rPh sb="18" eb="19">
      <t>ヒ</t>
    </rPh>
    <rPh sb="19" eb="21">
      <t>イジョウ</t>
    </rPh>
    <rPh sb="22" eb="24">
      <t>バアイ</t>
    </rPh>
    <rPh sb="26" eb="27">
      <t>ツキ</t>
    </rPh>
    <rPh sb="29" eb="30">
      <t>カイ</t>
    </rPh>
    <rPh sb="31" eb="33">
      <t>ソクテイ</t>
    </rPh>
    <rPh sb="34" eb="35">
      <t>オコナ</t>
    </rPh>
    <rPh sb="38" eb="40">
      <t>ケッカ</t>
    </rPh>
    <rPh sb="41" eb="43">
      <t>キロク</t>
    </rPh>
    <rPh sb="46" eb="48">
      <t>ネンカン</t>
    </rPh>
    <rPh sb="48" eb="50">
      <t>ホゾン</t>
    </rPh>
    <phoneticPr fontId="2"/>
  </si>
  <si>
    <t>■定期的な水質検査■
・毎年１回、指定検査機関による水質検査を受ける</t>
    <rPh sb="1" eb="4">
      <t>テイキテキ</t>
    </rPh>
    <rPh sb="5" eb="7">
      <t>スイシツ</t>
    </rPh>
    <rPh sb="7" eb="9">
      <t>ケンサ</t>
    </rPh>
    <rPh sb="12" eb="14">
      <t>マイトシ</t>
    </rPh>
    <rPh sb="15" eb="16">
      <t>カイ</t>
    </rPh>
    <rPh sb="17" eb="19">
      <t>シテイ</t>
    </rPh>
    <rPh sb="19" eb="21">
      <t>ケンサ</t>
    </rPh>
    <rPh sb="21" eb="23">
      <t>キカン</t>
    </rPh>
    <rPh sb="26" eb="28">
      <t>スイシツ</t>
    </rPh>
    <rPh sb="28" eb="30">
      <t>ケンサ</t>
    </rPh>
    <rPh sb="31" eb="32">
      <t>ウ</t>
    </rPh>
    <phoneticPr fontId="2"/>
  </si>
  <si>
    <t>□定期的に検査を受けて
　いるか
（検査記録を確認）</t>
    <rPh sb="1" eb="4">
      <t>テイキテキ</t>
    </rPh>
    <rPh sb="5" eb="7">
      <t>ケンサ</t>
    </rPh>
    <rPh sb="8" eb="9">
      <t>ウ</t>
    </rPh>
    <rPh sb="18" eb="20">
      <t>ケンサ</t>
    </rPh>
    <rPh sb="20" eb="22">
      <t>キロク</t>
    </rPh>
    <rPh sb="23" eb="25">
      <t>カクニン</t>
    </rPh>
    <phoneticPr fontId="2"/>
  </si>
  <si>
    <t>様式</t>
    <rPh sb="0" eb="2">
      <t>ヨウシキ</t>
    </rPh>
    <phoneticPr fontId="2"/>
  </si>
  <si>
    <t>廃棄物
（一般廃棄物）</t>
    <rPh sb="0" eb="3">
      <t>ハイキブツ</t>
    </rPh>
    <rPh sb="5" eb="7">
      <t>イッパン</t>
    </rPh>
    <rPh sb="7" eb="10">
      <t>ハイキブツ</t>
    </rPh>
    <phoneticPr fontId="2"/>
  </si>
  <si>
    <t>廃棄物
（産業廃棄物）</t>
    <rPh sb="0" eb="3">
      <t>ハイキブツ</t>
    </rPh>
    <rPh sb="5" eb="7">
      <t>サンギョウ</t>
    </rPh>
    <rPh sb="7" eb="10">
      <t>ハイキブツ</t>
    </rPh>
    <phoneticPr fontId="2"/>
  </si>
  <si>
    <t>□届出書を確認</t>
    <rPh sb="1" eb="3">
      <t>トドケデ</t>
    </rPh>
    <rPh sb="3" eb="4">
      <t>ショ</t>
    </rPh>
    <rPh sb="5" eb="7">
      <t>カクニン</t>
    </rPh>
    <phoneticPr fontId="2"/>
  </si>
  <si>
    <t>□容器等の表示は適切か
□保管場所表示は適切か</t>
    <rPh sb="1" eb="3">
      <t>ヨウキ</t>
    </rPh>
    <rPh sb="3" eb="4">
      <t>トウ</t>
    </rPh>
    <rPh sb="5" eb="7">
      <t>ヒョウジ</t>
    </rPh>
    <rPh sb="8" eb="10">
      <t>テキセツ</t>
    </rPh>
    <rPh sb="13" eb="15">
      <t>ホカン</t>
    </rPh>
    <rPh sb="15" eb="17">
      <t>バショ</t>
    </rPh>
    <rPh sb="17" eb="19">
      <t>ヒョウジ</t>
    </rPh>
    <rPh sb="20" eb="22">
      <t>テキセツ</t>
    </rPh>
    <phoneticPr fontId="2"/>
  </si>
  <si>
    <t>毒物及び劇物
取締法</t>
    <rPh sb="0" eb="2">
      <t>ドクブツ</t>
    </rPh>
    <rPh sb="2" eb="3">
      <t>オヨ</t>
    </rPh>
    <rPh sb="4" eb="6">
      <t>ゲキブツ</t>
    </rPh>
    <rPh sb="7" eb="10">
      <t>トリシマリホウ</t>
    </rPh>
    <phoneticPr fontId="2"/>
  </si>
  <si>
    <t>□該当事象はあったか
□直ちに届出を行ったか
　（記録を確認）</t>
    <rPh sb="1" eb="3">
      <t>ガイトウ</t>
    </rPh>
    <rPh sb="3" eb="5">
      <t>ジショウ</t>
    </rPh>
    <rPh sb="12" eb="13">
      <t>タダ</t>
    </rPh>
    <rPh sb="15" eb="17">
      <t>トドケデ</t>
    </rPh>
    <rPh sb="18" eb="19">
      <t>オコナ</t>
    </rPh>
    <rPh sb="25" eb="27">
      <t>キロク</t>
    </rPh>
    <rPh sb="28" eb="30">
      <t>カクニン</t>
    </rPh>
    <phoneticPr fontId="2"/>
  </si>
  <si>
    <t>労働安全衛生法</t>
    <rPh sb="0" eb="2">
      <t>ロウドウ</t>
    </rPh>
    <rPh sb="2" eb="4">
      <t>アンゼン</t>
    </rPh>
    <rPh sb="4" eb="7">
      <t>エイセイホウ</t>
    </rPh>
    <phoneticPr fontId="2"/>
  </si>
  <si>
    <t>□作業場の表示は適切か</t>
    <rPh sb="1" eb="3">
      <t>サギョウ</t>
    </rPh>
    <rPh sb="3" eb="4">
      <t>ジョウ</t>
    </rPh>
    <rPh sb="5" eb="7">
      <t>ヒョウジ</t>
    </rPh>
    <rPh sb="8" eb="10">
      <t>テキセツ</t>
    </rPh>
    <phoneticPr fontId="2"/>
  </si>
  <si>
    <t>□技術上の基準に従った
　処理をした上で廃棄し
　ているか</t>
    <rPh sb="1" eb="3">
      <t>ギジュツ</t>
    </rPh>
    <rPh sb="3" eb="4">
      <t>ジョウ</t>
    </rPh>
    <rPh sb="5" eb="7">
      <t>キジュン</t>
    </rPh>
    <rPh sb="8" eb="9">
      <t>シタガ</t>
    </rPh>
    <rPh sb="13" eb="15">
      <t>ショリ</t>
    </rPh>
    <rPh sb="18" eb="19">
      <t>ウエ</t>
    </rPh>
    <rPh sb="20" eb="22">
      <t>ハイキ</t>
    </rPh>
    <phoneticPr fontId="2"/>
  </si>
  <si>
    <t>■法令の周知■
・健康被害のおそれのある化学物質（★）を取り
　扱う作業場では、見やすい場所に、名称・成分
　・性質・人体に及ぼす作用・貯蔵又は取扱い上
　の注意等を表示
　★施行令別表第９で規定</t>
    <rPh sb="1" eb="3">
      <t>ホウレイ</t>
    </rPh>
    <rPh sb="4" eb="6">
      <t>シュウチ</t>
    </rPh>
    <rPh sb="9" eb="11">
      <t>ケンコウ</t>
    </rPh>
    <rPh sb="11" eb="13">
      <t>ヒガイ</t>
    </rPh>
    <rPh sb="20" eb="22">
      <t>カガク</t>
    </rPh>
    <rPh sb="22" eb="24">
      <t>ブッシツ</t>
    </rPh>
    <rPh sb="28" eb="29">
      <t>ト</t>
    </rPh>
    <rPh sb="32" eb="33">
      <t>アツカ</t>
    </rPh>
    <rPh sb="34" eb="36">
      <t>サギョウ</t>
    </rPh>
    <rPh sb="36" eb="37">
      <t>ジョウ</t>
    </rPh>
    <rPh sb="40" eb="41">
      <t>ミ</t>
    </rPh>
    <rPh sb="44" eb="46">
      <t>バショ</t>
    </rPh>
    <rPh sb="48" eb="50">
      <t>メイショウ</t>
    </rPh>
    <rPh sb="56" eb="58">
      <t>セイシツ</t>
    </rPh>
    <rPh sb="59" eb="61">
      <t>ジンタイ</t>
    </rPh>
    <rPh sb="62" eb="63">
      <t>オヨ</t>
    </rPh>
    <rPh sb="65" eb="67">
      <t>サヨウ</t>
    </rPh>
    <rPh sb="68" eb="70">
      <t>チョゾウ</t>
    </rPh>
    <rPh sb="70" eb="71">
      <t>マタ</t>
    </rPh>
    <rPh sb="72" eb="73">
      <t>ト</t>
    </rPh>
    <rPh sb="73" eb="74">
      <t>アツカ</t>
    </rPh>
    <rPh sb="75" eb="76">
      <t>ジョウ</t>
    </rPh>
    <rPh sb="79" eb="81">
      <t>チュウイ</t>
    </rPh>
    <rPh sb="81" eb="82">
      <t>トウ</t>
    </rPh>
    <rPh sb="83" eb="85">
      <t>ヒョウジ</t>
    </rPh>
    <rPh sb="88" eb="90">
      <t>セコウ</t>
    </rPh>
    <rPh sb="90" eb="91">
      <t>レイ</t>
    </rPh>
    <rPh sb="91" eb="93">
      <t>ベッピョウ</t>
    </rPh>
    <rPh sb="93" eb="94">
      <t>ダイ</t>
    </rPh>
    <rPh sb="96" eb="98">
      <t>キテイ</t>
    </rPh>
    <phoneticPr fontId="2"/>
  </si>
  <si>
    <t>毒物・劇物の保管等</t>
    <rPh sb="0" eb="2">
      <t>ドクブツ</t>
    </rPh>
    <rPh sb="3" eb="5">
      <t>ゲキブツ</t>
    </rPh>
    <rPh sb="6" eb="8">
      <t>ホカン</t>
    </rPh>
    <rPh sb="8" eb="9">
      <t>トウ</t>
    </rPh>
    <phoneticPr fontId="2"/>
  </si>
  <si>
    <t>■事故発生時等の措置■
・飛散、流出等の事故時は、直ちに保健所、警察
　署又は消防署に届出
・盗難、紛失等の時は、直ちに警察署に届出</t>
    <rPh sb="1" eb="3">
      <t>ジコ</t>
    </rPh>
    <rPh sb="3" eb="5">
      <t>ハッセイ</t>
    </rPh>
    <rPh sb="5" eb="6">
      <t>ジ</t>
    </rPh>
    <rPh sb="6" eb="7">
      <t>トウ</t>
    </rPh>
    <rPh sb="8" eb="10">
      <t>ソチ</t>
    </rPh>
    <rPh sb="13" eb="15">
      <t>ヒサン</t>
    </rPh>
    <rPh sb="16" eb="18">
      <t>リュウシュツ</t>
    </rPh>
    <rPh sb="18" eb="19">
      <t>トウ</t>
    </rPh>
    <rPh sb="20" eb="22">
      <t>ジコ</t>
    </rPh>
    <rPh sb="22" eb="23">
      <t>ジ</t>
    </rPh>
    <rPh sb="25" eb="26">
      <t>タダ</t>
    </rPh>
    <rPh sb="28" eb="30">
      <t>ホケン</t>
    </rPh>
    <rPh sb="30" eb="31">
      <t>ショ</t>
    </rPh>
    <rPh sb="32" eb="34">
      <t>ケイサツ</t>
    </rPh>
    <rPh sb="36" eb="37">
      <t>ショ</t>
    </rPh>
    <rPh sb="37" eb="38">
      <t>マタ</t>
    </rPh>
    <rPh sb="39" eb="42">
      <t>ショウボウショ</t>
    </rPh>
    <rPh sb="43" eb="45">
      <t>トドケデ</t>
    </rPh>
    <rPh sb="47" eb="49">
      <t>トウナン</t>
    </rPh>
    <rPh sb="50" eb="53">
      <t>フンシツナド</t>
    </rPh>
    <rPh sb="54" eb="55">
      <t>トキ</t>
    </rPh>
    <rPh sb="57" eb="58">
      <t>タダ</t>
    </rPh>
    <rPh sb="60" eb="63">
      <t>ケイサツショ</t>
    </rPh>
    <rPh sb="64" eb="66">
      <t>トドケデ</t>
    </rPh>
    <phoneticPr fontId="2"/>
  </si>
  <si>
    <t>消防法</t>
    <rPh sb="0" eb="3">
      <t>ショウボウホウ</t>
    </rPh>
    <phoneticPr fontId="2"/>
  </si>
  <si>
    <t>Ｈ10</t>
    <phoneticPr fontId="2"/>
  </si>
  <si>
    <t>■危険物の貯蔵の制限■
・指定数量以上の危険物は、貯蔵所で保管
・指定数量以上の危険物は、貯蔵所・取扱所内で
　で取り扱う</t>
    <rPh sb="1" eb="4">
      <t>キケンブツ</t>
    </rPh>
    <rPh sb="5" eb="7">
      <t>チョゾウ</t>
    </rPh>
    <rPh sb="8" eb="10">
      <t>セイゲン</t>
    </rPh>
    <rPh sb="13" eb="15">
      <t>シテイ</t>
    </rPh>
    <rPh sb="15" eb="17">
      <t>スウリョウ</t>
    </rPh>
    <rPh sb="17" eb="19">
      <t>イジョウ</t>
    </rPh>
    <rPh sb="20" eb="23">
      <t>キケンブツ</t>
    </rPh>
    <rPh sb="25" eb="27">
      <t>チョゾウ</t>
    </rPh>
    <rPh sb="27" eb="28">
      <t>ショ</t>
    </rPh>
    <rPh sb="29" eb="31">
      <t>ホカン</t>
    </rPh>
    <rPh sb="49" eb="51">
      <t>トリアツカイ</t>
    </rPh>
    <rPh sb="51" eb="52">
      <t>ショ</t>
    </rPh>
    <rPh sb="52" eb="53">
      <t>ナイ</t>
    </rPh>
    <rPh sb="57" eb="58">
      <t>ト</t>
    </rPh>
    <rPh sb="59" eb="60">
      <t>アツカ</t>
    </rPh>
    <phoneticPr fontId="2"/>
  </si>
  <si>
    <t>□貯蔵所で保管されてい
　るか
□貯蔵所・取扱所内で取
　り扱っているか</t>
    <rPh sb="1" eb="3">
      <t>チョゾウ</t>
    </rPh>
    <rPh sb="3" eb="4">
      <t>ショ</t>
    </rPh>
    <rPh sb="5" eb="7">
      <t>ホカン</t>
    </rPh>
    <rPh sb="17" eb="19">
      <t>チョゾウ</t>
    </rPh>
    <rPh sb="19" eb="20">
      <t>ショ</t>
    </rPh>
    <rPh sb="21" eb="23">
      <t>トリアツカイ</t>
    </rPh>
    <rPh sb="23" eb="24">
      <t>ショ</t>
    </rPh>
    <rPh sb="24" eb="25">
      <t>ナイ</t>
    </rPh>
    <rPh sb="26" eb="27">
      <t>ト</t>
    </rPh>
    <rPh sb="30" eb="31">
      <t>アツカ</t>
    </rPh>
    <phoneticPr fontId="2"/>
  </si>
  <si>
    <t>□設置許可の確認
□変更の有無の確認
□変更許可と完成検査を
　受けていることを確認</t>
    <rPh sb="1" eb="3">
      <t>セッチ</t>
    </rPh>
    <rPh sb="3" eb="5">
      <t>キョカ</t>
    </rPh>
    <rPh sb="6" eb="8">
      <t>カクニン</t>
    </rPh>
    <rPh sb="10" eb="12">
      <t>ヘンコウ</t>
    </rPh>
    <rPh sb="13" eb="15">
      <t>ウム</t>
    </rPh>
    <rPh sb="16" eb="18">
      <t>カクニン</t>
    </rPh>
    <rPh sb="20" eb="22">
      <t>ヘンコウ</t>
    </rPh>
    <rPh sb="22" eb="24">
      <t>キョカ</t>
    </rPh>
    <rPh sb="25" eb="27">
      <t>カンセイ</t>
    </rPh>
    <rPh sb="27" eb="29">
      <t>ケンサ</t>
    </rPh>
    <rPh sb="32" eb="33">
      <t>ウ</t>
    </rPh>
    <rPh sb="40" eb="42">
      <t>カクニン</t>
    </rPh>
    <phoneticPr fontId="2"/>
  </si>
  <si>
    <t>Ｈ11の４</t>
    <phoneticPr fontId="2"/>
  </si>
  <si>
    <t>□変更の有無の確認
□変更届出書を確認</t>
    <rPh sb="1" eb="3">
      <t>ヘンコウ</t>
    </rPh>
    <rPh sb="4" eb="6">
      <t>ウム</t>
    </rPh>
    <rPh sb="7" eb="9">
      <t>カクニン</t>
    </rPh>
    <rPh sb="11" eb="13">
      <t>ヘンコウ</t>
    </rPh>
    <rPh sb="13" eb="15">
      <t>トドケデ</t>
    </rPh>
    <rPh sb="15" eb="16">
      <t>ショ</t>
    </rPh>
    <rPh sb="17" eb="19">
      <t>カクニン</t>
    </rPh>
    <phoneticPr fontId="2"/>
  </si>
  <si>
    <t>■危険物品名、数量等の変更の届出■
・構造設備を変更せず、危険物の品名・数量等を
　変更する場合、10日前までに市町村長等に届出</t>
    <rPh sb="1" eb="4">
      <t>キケンブツ</t>
    </rPh>
    <rPh sb="4" eb="5">
      <t>シナ</t>
    </rPh>
    <rPh sb="5" eb="6">
      <t>メイ</t>
    </rPh>
    <rPh sb="7" eb="9">
      <t>スウリョウ</t>
    </rPh>
    <rPh sb="9" eb="10">
      <t>トウ</t>
    </rPh>
    <rPh sb="11" eb="13">
      <t>ヘンコウ</t>
    </rPh>
    <rPh sb="14" eb="16">
      <t>トドケデ</t>
    </rPh>
    <rPh sb="19" eb="21">
      <t>コウゾウ</t>
    </rPh>
    <rPh sb="21" eb="23">
      <t>セツビ</t>
    </rPh>
    <rPh sb="24" eb="26">
      <t>ヘンコウ</t>
    </rPh>
    <rPh sb="29" eb="32">
      <t>キケンブツ</t>
    </rPh>
    <rPh sb="33" eb="35">
      <t>ヒンメイ</t>
    </rPh>
    <rPh sb="36" eb="38">
      <t>スウリョウ</t>
    </rPh>
    <rPh sb="38" eb="39">
      <t>トウ</t>
    </rPh>
    <rPh sb="42" eb="44">
      <t>ヘンコウ</t>
    </rPh>
    <rPh sb="46" eb="48">
      <t>バアイ</t>
    </rPh>
    <rPh sb="51" eb="52">
      <t>ヒ</t>
    </rPh>
    <rPh sb="52" eb="53">
      <t>マエ</t>
    </rPh>
    <rPh sb="56" eb="58">
      <t>シチョウ</t>
    </rPh>
    <rPh sb="58" eb="60">
      <t>ソンチョウ</t>
    </rPh>
    <rPh sb="60" eb="61">
      <t>トウ</t>
    </rPh>
    <rPh sb="62" eb="64">
      <t>トドケデ</t>
    </rPh>
    <phoneticPr fontId="2"/>
  </si>
  <si>
    <t>□地下タンクの掲示がな
　されているか</t>
    <rPh sb="1" eb="3">
      <t>チカ</t>
    </rPh>
    <rPh sb="7" eb="9">
      <t>ケイジ</t>
    </rPh>
    <phoneticPr fontId="2"/>
  </si>
  <si>
    <t>Ｈ13</t>
    <phoneticPr fontId="2"/>
  </si>
  <si>
    <t>■危険物保安監督者の設置■
・危険物取扱者以外の者が取り扱う時は、危険物
　保管監督者（★）の立会いが必要
　★甲種・乙種危険物取扱者で６月以上の経験要</t>
    <rPh sb="1" eb="4">
      <t>キケンブツ</t>
    </rPh>
    <rPh sb="4" eb="6">
      <t>ホアン</t>
    </rPh>
    <rPh sb="6" eb="9">
      <t>カントクシャ</t>
    </rPh>
    <rPh sb="10" eb="12">
      <t>セッチ</t>
    </rPh>
    <rPh sb="15" eb="18">
      <t>キケンブツ</t>
    </rPh>
    <rPh sb="18" eb="20">
      <t>トリアツカイ</t>
    </rPh>
    <rPh sb="20" eb="21">
      <t>シャ</t>
    </rPh>
    <rPh sb="21" eb="23">
      <t>イガイ</t>
    </rPh>
    <rPh sb="24" eb="25">
      <t>モノ</t>
    </rPh>
    <rPh sb="26" eb="27">
      <t>ト</t>
    </rPh>
    <rPh sb="28" eb="29">
      <t>アツカ</t>
    </rPh>
    <rPh sb="30" eb="31">
      <t>トキ</t>
    </rPh>
    <rPh sb="33" eb="36">
      <t>キケンブツ</t>
    </rPh>
    <rPh sb="38" eb="40">
      <t>ホカン</t>
    </rPh>
    <rPh sb="40" eb="43">
      <t>カントクシャ</t>
    </rPh>
    <rPh sb="47" eb="49">
      <t>タチア</t>
    </rPh>
    <rPh sb="51" eb="53">
      <t>ヒツヨウ</t>
    </rPh>
    <rPh sb="56" eb="58">
      <t>コウシュ</t>
    </rPh>
    <rPh sb="59" eb="61">
      <t>オツシュ</t>
    </rPh>
    <rPh sb="61" eb="64">
      <t>キケンブツ</t>
    </rPh>
    <rPh sb="64" eb="66">
      <t>トリアツカイ</t>
    </rPh>
    <rPh sb="66" eb="67">
      <t>シャ</t>
    </rPh>
    <rPh sb="69" eb="70">
      <t>ツキ</t>
    </rPh>
    <rPh sb="70" eb="72">
      <t>イジョウ</t>
    </rPh>
    <rPh sb="73" eb="75">
      <t>ケイケン</t>
    </rPh>
    <rPh sb="75" eb="76">
      <t>ヨウ</t>
    </rPh>
    <phoneticPr fontId="2"/>
  </si>
  <si>
    <t>□所属内の取扱いルール
　を確認
□危険物取扱者以外の者
　が扱うときは保管監督
　者が立ち会っているか</t>
    <rPh sb="1" eb="3">
      <t>ショゾク</t>
    </rPh>
    <rPh sb="3" eb="4">
      <t>ナイ</t>
    </rPh>
    <rPh sb="5" eb="7">
      <t>トリアツカ</t>
    </rPh>
    <rPh sb="14" eb="16">
      <t>カクニン</t>
    </rPh>
    <rPh sb="18" eb="21">
      <t>キケンブツ</t>
    </rPh>
    <rPh sb="21" eb="23">
      <t>トリアツカイ</t>
    </rPh>
    <rPh sb="23" eb="24">
      <t>シャ</t>
    </rPh>
    <rPh sb="24" eb="26">
      <t>イガイ</t>
    </rPh>
    <rPh sb="27" eb="28">
      <t>シャ</t>
    </rPh>
    <rPh sb="31" eb="32">
      <t>アツカ</t>
    </rPh>
    <rPh sb="36" eb="38">
      <t>ホカン</t>
    </rPh>
    <rPh sb="38" eb="40">
      <t>カントク</t>
    </rPh>
    <rPh sb="42" eb="43">
      <t>シャ</t>
    </rPh>
    <rPh sb="44" eb="45">
      <t>タ</t>
    </rPh>
    <rPh sb="46" eb="47">
      <t>ア</t>
    </rPh>
    <phoneticPr fontId="2"/>
  </si>
  <si>
    <t>Ｈ14の３の２</t>
    <phoneticPr fontId="2"/>
  </si>
  <si>
    <t>■定期点検の実施■
・「危険物の規制に関する規則」に基づき定期点
　検を行い、記録を作成し、保存する。
（例）地下タンクの場合
　　　・１年に１回以上、漏れの点検を行う</t>
    <rPh sb="1" eb="3">
      <t>テイキ</t>
    </rPh>
    <rPh sb="3" eb="5">
      <t>テンケン</t>
    </rPh>
    <rPh sb="6" eb="8">
      <t>ジッシ</t>
    </rPh>
    <rPh sb="12" eb="15">
      <t>キケンブツ</t>
    </rPh>
    <rPh sb="16" eb="18">
      <t>キセイ</t>
    </rPh>
    <rPh sb="19" eb="20">
      <t>カン</t>
    </rPh>
    <rPh sb="22" eb="24">
      <t>キソク</t>
    </rPh>
    <rPh sb="26" eb="27">
      <t>モト</t>
    </rPh>
    <rPh sb="29" eb="31">
      <t>テイキ</t>
    </rPh>
    <rPh sb="31" eb="32">
      <t>テン</t>
    </rPh>
    <rPh sb="34" eb="35">
      <t>ケン</t>
    </rPh>
    <rPh sb="36" eb="37">
      <t>オコナ</t>
    </rPh>
    <rPh sb="39" eb="41">
      <t>キロク</t>
    </rPh>
    <rPh sb="42" eb="44">
      <t>サクセイ</t>
    </rPh>
    <rPh sb="46" eb="48">
      <t>ホゾン</t>
    </rPh>
    <rPh sb="53" eb="54">
      <t>レイ</t>
    </rPh>
    <rPh sb="55" eb="57">
      <t>チカ</t>
    </rPh>
    <rPh sb="61" eb="63">
      <t>バアイ</t>
    </rPh>
    <rPh sb="69" eb="70">
      <t>ネン</t>
    </rPh>
    <rPh sb="72" eb="73">
      <t>カイ</t>
    </rPh>
    <rPh sb="73" eb="75">
      <t>イジョウ</t>
    </rPh>
    <rPh sb="76" eb="77">
      <t>モ</t>
    </rPh>
    <rPh sb="79" eb="81">
      <t>テンケン</t>
    </rPh>
    <rPh sb="82" eb="83">
      <t>オコナ</t>
    </rPh>
    <phoneticPr fontId="2"/>
  </si>
  <si>
    <t>□定期的に点検を行って
　いるか
□点検記録が保存されて
　いるか</t>
    <rPh sb="1" eb="4">
      <t>テイキテキ</t>
    </rPh>
    <rPh sb="5" eb="7">
      <t>テンケン</t>
    </rPh>
    <rPh sb="8" eb="9">
      <t>オコナ</t>
    </rPh>
    <rPh sb="18" eb="20">
      <t>テンケン</t>
    </rPh>
    <rPh sb="20" eb="22">
      <t>キロク</t>
    </rPh>
    <rPh sb="23" eb="25">
      <t>ホゾン</t>
    </rPh>
    <phoneticPr fontId="2"/>
  </si>
  <si>
    <t>Ｈ16の３</t>
    <phoneticPr fontId="2"/>
  </si>
  <si>
    <t>■事故時の措置■
・流出その他の事故が発生した場合、直ちに流出
　防止等の応急の措置を講じ、消防署、市町村長
　の指定した場所に通報する</t>
    <rPh sb="1" eb="3">
      <t>ジコ</t>
    </rPh>
    <rPh sb="3" eb="4">
      <t>ジ</t>
    </rPh>
    <rPh sb="5" eb="7">
      <t>ソチ</t>
    </rPh>
    <rPh sb="10" eb="12">
      <t>リュウシュツ</t>
    </rPh>
    <rPh sb="14" eb="15">
      <t>タ</t>
    </rPh>
    <rPh sb="16" eb="18">
      <t>ジコ</t>
    </rPh>
    <rPh sb="19" eb="21">
      <t>ハッセイ</t>
    </rPh>
    <rPh sb="23" eb="25">
      <t>バアイ</t>
    </rPh>
    <rPh sb="26" eb="27">
      <t>タダ</t>
    </rPh>
    <rPh sb="29" eb="31">
      <t>リュウシュツ</t>
    </rPh>
    <rPh sb="33" eb="35">
      <t>ボウシ</t>
    </rPh>
    <rPh sb="35" eb="36">
      <t>トウ</t>
    </rPh>
    <rPh sb="37" eb="39">
      <t>オウキュウ</t>
    </rPh>
    <rPh sb="40" eb="42">
      <t>ソチ</t>
    </rPh>
    <rPh sb="43" eb="44">
      <t>コウ</t>
    </rPh>
    <rPh sb="46" eb="49">
      <t>ショウボウショ</t>
    </rPh>
    <rPh sb="50" eb="53">
      <t>シチョウソン</t>
    </rPh>
    <rPh sb="53" eb="54">
      <t>チョウ</t>
    </rPh>
    <rPh sb="57" eb="59">
      <t>シテイ</t>
    </rPh>
    <rPh sb="61" eb="63">
      <t>バショ</t>
    </rPh>
    <rPh sb="64" eb="66">
      <t>ツウホウ</t>
    </rPh>
    <phoneticPr fontId="2"/>
  </si>
  <si>
    <t>□該当事象はあったか
□直ちに通報を行ったか
　（記録を確認）</t>
    <rPh sb="1" eb="3">
      <t>ガイトウ</t>
    </rPh>
    <rPh sb="3" eb="5">
      <t>ジショウ</t>
    </rPh>
    <rPh sb="12" eb="13">
      <t>タダ</t>
    </rPh>
    <rPh sb="15" eb="17">
      <t>ツウホウ</t>
    </rPh>
    <rPh sb="18" eb="19">
      <t>オコナ</t>
    </rPh>
    <rPh sb="25" eb="27">
      <t>キロク</t>
    </rPh>
    <rPh sb="28" eb="30">
      <t>カクニン</t>
    </rPh>
    <phoneticPr fontId="2"/>
  </si>
  <si>
    <t>■事故時の措置■
・施設の破損等により基準に適合しない排水等が
　流出し、被害を生じるおそれがあるときは、直
　ちに応急の措置を講じる
・直ちに事故の状況や措置を、知事に報告する</t>
    <rPh sb="1" eb="3">
      <t>ジコ</t>
    </rPh>
    <rPh sb="3" eb="4">
      <t>ジ</t>
    </rPh>
    <rPh sb="5" eb="7">
      <t>ソチ</t>
    </rPh>
    <rPh sb="10" eb="12">
      <t>シセツ</t>
    </rPh>
    <rPh sb="13" eb="16">
      <t>ハソントウ</t>
    </rPh>
    <rPh sb="19" eb="21">
      <t>キジュン</t>
    </rPh>
    <rPh sb="22" eb="24">
      <t>テキゴウ</t>
    </rPh>
    <rPh sb="29" eb="30">
      <t>トウ</t>
    </rPh>
    <rPh sb="37" eb="39">
      <t>ヒガイ</t>
    </rPh>
    <rPh sb="40" eb="41">
      <t>ショウ</t>
    </rPh>
    <rPh sb="53" eb="54">
      <t>タダ</t>
    </rPh>
    <rPh sb="58" eb="60">
      <t>オウキュウ</t>
    </rPh>
    <rPh sb="61" eb="63">
      <t>ソチ</t>
    </rPh>
    <rPh sb="64" eb="65">
      <t>コウ</t>
    </rPh>
    <rPh sb="69" eb="70">
      <t>タダ</t>
    </rPh>
    <rPh sb="72" eb="74">
      <t>ジコ</t>
    </rPh>
    <rPh sb="75" eb="77">
      <t>ジョウキョウ</t>
    </rPh>
    <rPh sb="78" eb="80">
      <t>ソチ</t>
    </rPh>
    <rPh sb="82" eb="84">
      <t>チジ</t>
    </rPh>
    <rPh sb="85" eb="87">
      <t>ホウコク</t>
    </rPh>
    <phoneticPr fontId="2"/>
  </si>
  <si>
    <t>危険物の貯蔵
（燃料等）</t>
    <rPh sb="0" eb="3">
      <t>キケンブツ</t>
    </rPh>
    <rPh sb="4" eb="6">
      <t>チョゾウ</t>
    </rPh>
    <rPh sb="8" eb="11">
      <t>ネンリョウトウ</t>
    </rPh>
    <phoneticPr fontId="2"/>
  </si>
  <si>
    <t>高圧ガス（★）を貯蔵したり使用したりする場合は、高圧ガス保安法の以下の条項が適用される場合があります。なお、一般消費者向けのプロパンガスは、「液化石油ガス法」が適用されます。
　★高圧ガス：高圧ガス保安法第２条で規定されています。</t>
    <rPh sb="0" eb="2">
      <t>コウアツ</t>
    </rPh>
    <rPh sb="8" eb="10">
      <t>チョゾウ</t>
    </rPh>
    <rPh sb="13" eb="15">
      <t>シヨウ</t>
    </rPh>
    <rPh sb="20" eb="22">
      <t>バアイ</t>
    </rPh>
    <rPh sb="24" eb="26">
      <t>コウアツ</t>
    </rPh>
    <rPh sb="28" eb="31">
      <t>ホアンホウ</t>
    </rPh>
    <rPh sb="32" eb="34">
      <t>イカ</t>
    </rPh>
    <rPh sb="35" eb="37">
      <t>ジョウコウ</t>
    </rPh>
    <rPh sb="38" eb="40">
      <t>テキヨウ</t>
    </rPh>
    <rPh sb="43" eb="45">
      <t>バアイ</t>
    </rPh>
    <rPh sb="90" eb="92">
      <t>コウアツ</t>
    </rPh>
    <rPh sb="95" eb="97">
      <t>コウアツ</t>
    </rPh>
    <rPh sb="99" eb="102">
      <t>ホアンホウ</t>
    </rPh>
    <rPh sb="102" eb="103">
      <t>ダイ</t>
    </rPh>
    <rPh sb="104" eb="105">
      <t>ジョウ</t>
    </rPh>
    <rPh sb="106" eb="108">
      <t>キテイ</t>
    </rPh>
    <phoneticPr fontId="2"/>
  </si>
  <si>
    <t>高圧ガス保安法</t>
    <rPh sb="0" eb="2">
      <t>コウアツ</t>
    </rPh>
    <rPh sb="4" eb="7">
      <t>ホアンホウ</t>
    </rPh>
    <phoneticPr fontId="2"/>
  </si>
  <si>
    <t>Ｈ15</t>
    <phoneticPr fontId="2"/>
  </si>
  <si>
    <t>Ｈ16</t>
    <phoneticPr fontId="2"/>
  </si>
  <si>
    <t>Ｈ18</t>
    <phoneticPr fontId="2"/>
  </si>
  <si>
    <t>■第１種貯蔵所の維持■
・構造、設備等技術上の基準に適合するよう維持</t>
    <rPh sb="1" eb="2">
      <t>ダイ</t>
    </rPh>
    <rPh sb="3" eb="4">
      <t>シュ</t>
    </rPh>
    <rPh sb="4" eb="6">
      <t>チョゾウ</t>
    </rPh>
    <rPh sb="6" eb="7">
      <t>ショ</t>
    </rPh>
    <rPh sb="8" eb="10">
      <t>イジ</t>
    </rPh>
    <rPh sb="13" eb="15">
      <t>コウゾウ</t>
    </rPh>
    <rPh sb="16" eb="18">
      <t>セツビ</t>
    </rPh>
    <rPh sb="18" eb="19">
      <t>トウ</t>
    </rPh>
    <rPh sb="19" eb="21">
      <t>ギジュツ</t>
    </rPh>
    <rPh sb="21" eb="22">
      <t>ジョウ</t>
    </rPh>
    <rPh sb="23" eb="25">
      <t>キジュン</t>
    </rPh>
    <rPh sb="26" eb="28">
      <t>テキゴウ</t>
    </rPh>
    <rPh sb="32" eb="34">
      <t>イジ</t>
    </rPh>
    <phoneticPr fontId="2"/>
  </si>
  <si>
    <t>Ｈ19</t>
    <phoneticPr fontId="2"/>
  </si>
  <si>
    <t>□基準に従い適切に貯蔵
　されているか</t>
    <rPh sb="1" eb="3">
      <t>キジュン</t>
    </rPh>
    <rPh sb="4" eb="5">
      <t>シタガ</t>
    </rPh>
    <rPh sb="6" eb="8">
      <t>テキセツ</t>
    </rPh>
    <rPh sb="9" eb="11">
      <t>チョゾウ</t>
    </rPh>
    <phoneticPr fontId="2"/>
  </si>
  <si>
    <t>□第１種貯蔵所の許可を
　確認</t>
    <rPh sb="1" eb="2">
      <t>ダイ</t>
    </rPh>
    <rPh sb="3" eb="4">
      <t>シュ</t>
    </rPh>
    <rPh sb="4" eb="6">
      <t>チョゾウ</t>
    </rPh>
    <rPh sb="6" eb="7">
      <t>ショ</t>
    </rPh>
    <rPh sb="8" eb="10">
      <t>キョカ</t>
    </rPh>
    <rPh sb="13" eb="15">
      <t>カクニン</t>
    </rPh>
    <phoneticPr fontId="2"/>
  </si>
  <si>
    <t>□第１種貯蔵所の維持の
　状態確認</t>
    <rPh sb="1" eb="2">
      <t>ダイ</t>
    </rPh>
    <rPh sb="3" eb="4">
      <t>シュ</t>
    </rPh>
    <rPh sb="4" eb="6">
      <t>チョゾウ</t>
    </rPh>
    <rPh sb="6" eb="7">
      <t>ショ</t>
    </rPh>
    <rPh sb="8" eb="10">
      <t>イジ</t>
    </rPh>
    <rPh sb="13" eb="15">
      <t>ジョウタイ</t>
    </rPh>
    <rPh sb="15" eb="17">
      <t>カクニン</t>
    </rPh>
    <phoneticPr fontId="2"/>
  </si>
  <si>
    <t>□第１種貯蔵所の許可を
　確認
□変更の有無を確認
□変更許可申請を確認</t>
    <rPh sb="1" eb="2">
      <t>ダイ</t>
    </rPh>
    <rPh sb="3" eb="4">
      <t>シュ</t>
    </rPh>
    <rPh sb="4" eb="6">
      <t>チョゾウ</t>
    </rPh>
    <rPh sb="6" eb="7">
      <t>ショ</t>
    </rPh>
    <rPh sb="8" eb="10">
      <t>キョカ</t>
    </rPh>
    <rPh sb="13" eb="15">
      <t>カクニン</t>
    </rPh>
    <rPh sb="17" eb="19">
      <t>ヘンコウ</t>
    </rPh>
    <rPh sb="20" eb="22">
      <t>ウム</t>
    </rPh>
    <rPh sb="23" eb="25">
      <t>カクニン</t>
    </rPh>
    <rPh sb="27" eb="29">
      <t>ヘンコウ</t>
    </rPh>
    <rPh sb="29" eb="31">
      <t>キョカ</t>
    </rPh>
    <rPh sb="31" eb="33">
      <t>シンセイ</t>
    </rPh>
    <rPh sb="34" eb="36">
      <t>カクニン</t>
    </rPh>
    <phoneticPr fontId="2"/>
  </si>
  <si>
    <t>Ｈ24の２</t>
    <phoneticPr fontId="2"/>
  </si>
  <si>
    <t>□届出を確認</t>
    <rPh sb="1" eb="3">
      <t>トドケデ</t>
    </rPh>
    <rPh sb="4" eb="6">
      <t>カクニン</t>
    </rPh>
    <phoneticPr fontId="2"/>
  </si>
  <si>
    <t>Ｈ24の３</t>
    <phoneticPr fontId="2"/>
  </si>
  <si>
    <t>□基準に従い適切に消費
　されているか</t>
    <rPh sb="1" eb="3">
      <t>キジュン</t>
    </rPh>
    <rPh sb="4" eb="5">
      <t>シタガ</t>
    </rPh>
    <rPh sb="6" eb="8">
      <t>テキセツ</t>
    </rPh>
    <rPh sb="9" eb="11">
      <t>ショウヒ</t>
    </rPh>
    <phoneticPr fontId="2"/>
  </si>
  <si>
    <t>高圧ガスの貯蔵</t>
    <rPh sb="0" eb="2">
      <t>コウアツ</t>
    </rPh>
    <rPh sb="5" eb="7">
      <t>チョゾウ</t>
    </rPh>
    <phoneticPr fontId="2"/>
  </si>
  <si>
    <t>ひながた</t>
    <phoneticPr fontId="2"/>
  </si>
  <si>
    <t>○</t>
    <phoneticPr fontId="2"/>
  </si>
  <si>
    <t>【使用上の留意事項】</t>
    <rPh sb="1" eb="3">
      <t>シヨウ</t>
    </rPh>
    <rPh sb="3" eb="4">
      <t>ジョウ</t>
    </rPh>
    <rPh sb="5" eb="7">
      <t>リュウイ</t>
    </rPh>
    <rPh sb="7" eb="9">
      <t>ジコウ</t>
    </rPh>
    <phoneticPr fontId="2"/>
  </si>
  <si>
    <t>【作成・更新履歴】</t>
    <rPh sb="1" eb="3">
      <t>サクセイ</t>
    </rPh>
    <rPh sb="4" eb="6">
      <t>コウシン</t>
    </rPh>
    <rPh sb="6" eb="8">
      <t>リレキ</t>
    </rPh>
    <phoneticPr fontId="2"/>
  </si>
  <si>
    <t>年　月　日</t>
    <rPh sb="0" eb="1">
      <t>トシ</t>
    </rPh>
    <rPh sb="2" eb="3">
      <t>ツキ</t>
    </rPh>
    <rPh sb="4" eb="5">
      <t>ヒ</t>
    </rPh>
    <phoneticPr fontId="2"/>
  </si>
  <si>
    <t>内　　　容</t>
    <rPh sb="0" eb="1">
      <t>ウチ</t>
    </rPh>
    <rPh sb="4" eb="5">
      <t>カタチ</t>
    </rPh>
    <phoneticPr fontId="2"/>
  </si>
  <si>
    <t>　また、ここに掲げた法令以外にも、所属に特有の設備・業務について「重要かつ影響が大きい法令」がある場合は、自らその法令を対象とし、「環境関連法令チェックリスト」を作成してください。</t>
    <rPh sb="7" eb="8">
      <t>カカ</t>
    </rPh>
    <rPh sb="10" eb="12">
      <t>ホウレイ</t>
    </rPh>
    <rPh sb="12" eb="14">
      <t>イガイ</t>
    </rPh>
    <rPh sb="17" eb="19">
      <t>ショゾク</t>
    </rPh>
    <rPh sb="20" eb="22">
      <t>トクユウ</t>
    </rPh>
    <rPh sb="23" eb="25">
      <t>セツビ</t>
    </rPh>
    <rPh sb="26" eb="28">
      <t>ギョウム</t>
    </rPh>
    <rPh sb="33" eb="35">
      <t>ジュウヨウ</t>
    </rPh>
    <rPh sb="37" eb="39">
      <t>エイキョウ</t>
    </rPh>
    <rPh sb="40" eb="41">
      <t>オオ</t>
    </rPh>
    <rPh sb="43" eb="45">
      <t>ホウレイ</t>
    </rPh>
    <rPh sb="49" eb="51">
      <t>バアイ</t>
    </rPh>
    <rPh sb="53" eb="54">
      <t>ミズカ</t>
    </rPh>
    <rPh sb="57" eb="59">
      <t>ホウレイ</t>
    </rPh>
    <rPh sb="60" eb="62">
      <t>タイショウ</t>
    </rPh>
    <rPh sb="66" eb="68">
      <t>カンキョウ</t>
    </rPh>
    <rPh sb="68" eb="70">
      <t>カンレン</t>
    </rPh>
    <rPh sb="70" eb="72">
      <t>ホウレイ</t>
    </rPh>
    <rPh sb="81" eb="83">
      <t>サクセイ</t>
    </rPh>
    <phoneticPr fontId="2"/>
  </si>
  <si>
    <t>送風機・空気圧縮機（原動機の定格出力が7.5kW以上）などの特定施設（★）を使用する場合は、騒音規制法及び振動規制法等の以下の条項が適用されます。
　★　騒音規正法施行令別表第１及び振動規正法施行令別表第１で規定されています。</t>
    <rPh sb="0" eb="3">
      <t>ソウフウキ</t>
    </rPh>
    <rPh sb="4" eb="6">
      <t>クウキ</t>
    </rPh>
    <rPh sb="6" eb="9">
      <t>アッシュクキ</t>
    </rPh>
    <rPh sb="10" eb="13">
      <t>ゲンドウキ</t>
    </rPh>
    <rPh sb="14" eb="16">
      <t>テイカク</t>
    </rPh>
    <rPh sb="16" eb="18">
      <t>シュツリョク</t>
    </rPh>
    <rPh sb="24" eb="26">
      <t>イジョウ</t>
    </rPh>
    <rPh sb="30" eb="32">
      <t>トクテイ</t>
    </rPh>
    <rPh sb="32" eb="34">
      <t>シセツ</t>
    </rPh>
    <rPh sb="38" eb="40">
      <t>シヨウ</t>
    </rPh>
    <rPh sb="42" eb="44">
      <t>バアイ</t>
    </rPh>
    <rPh sb="46" eb="48">
      <t>ソウオン</t>
    </rPh>
    <rPh sb="48" eb="50">
      <t>キセイ</t>
    </rPh>
    <rPh sb="50" eb="51">
      <t>ホウ</t>
    </rPh>
    <rPh sb="51" eb="52">
      <t>オヨ</t>
    </rPh>
    <rPh sb="53" eb="55">
      <t>シンドウ</t>
    </rPh>
    <rPh sb="58" eb="59">
      <t>トウ</t>
    </rPh>
    <rPh sb="60" eb="62">
      <t>イカ</t>
    </rPh>
    <rPh sb="63" eb="65">
      <t>ジョウコウ</t>
    </rPh>
    <rPh sb="66" eb="68">
      <t>テキヨウ</t>
    </rPh>
    <rPh sb="77" eb="79">
      <t>ソウオン</t>
    </rPh>
    <rPh sb="79" eb="82">
      <t>キセイホウ</t>
    </rPh>
    <rPh sb="82" eb="84">
      <t>セコウ</t>
    </rPh>
    <rPh sb="84" eb="85">
      <t>レイ</t>
    </rPh>
    <rPh sb="85" eb="87">
      <t>ベッピョウ</t>
    </rPh>
    <rPh sb="87" eb="88">
      <t>ダイ</t>
    </rPh>
    <rPh sb="89" eb="90">
      <t>オヨ</t>
    </rPh>
    <rPh sb="91" eb="93">
      <t>シンドウ</t>
    </rPh>
    <rPh sb="93" eb="96">
      <t>キセイホウ</t>
    </rPh>
    <rPh sb="96" eb="98">
      <t>セコウ</t>
    </rPh>
    <rPh sb="98" eb="99">
      <t>レイ</t>
    </rPh>
    <rPh sb="99" eb="101">
      <t>ベッピョウ</t>
    </rPh>
    <rPh sb="101" eb="102">
      <t>ダイ</t>
    </rPh>
    <rPh sb="104" eb="106">
      <t>キテイ</t>
    </rPh>
    <phoneticPr fontId="2"/>
  </si>
  <si>
    <t>騒音規制法</t>
    <rPh sb="0" eb="2">
      <t>ソウオン</t>
    </rPh>
    <rPh sb="2" eb="5">
      <t>キセイホウ</t>
    </rPh>
    <phoneticPr fontId="2"/>
  </si>
  <si>
    <t>振動規制法</t>
    <rPh sb="0" eb="2">
      <t>シンドウ</t>
    </rPh>
    <rPh sb="2" eb="5">
      <t>キセイホウ</t>
    </rPh>
    <phoneticPr fontId="2"/>
  </si>
  <si>
    <t>廃棄物
（ＰＣＢ使用機器）</t>
    <rPh sb="0" eb="3">
      <t>ハイキブツ</t>
    </rPh>
    <rPh sb="8" eb="10">
      <t>シヨウ</t>
    </rPh>
    <rPh sb="10" eb="12">
      <t>キキ</t>
    </rPh>
    <phoneticPr fontId="2"/>
  </si>
  <si>
    <t>市町村条例</t>
    <rPh sb="0" eb="3">
      <t>シチョウソン</t>
    </rPh>
    <rPh sb="3" eb="5">
      <t>ジョウレイ</t>
    </rPh>
    <phoneticPr fontId="2"/>
  </si>
  <si>
    <t>焼却施設</t>
    <rPh sb="0" eb="2">
      <t>ショウキャク</t>
    </rPh>
    <rPh sb="2" eb="4">
      <t>シセツ</t>
    </rPh>
    <phoneticPr fontId="2"/>
  </si>
  <si>
    <t>－</t>
    <phoneticPr fontId="2"/>
  </si>
  <si>
    <t>神奈川県廃棄物焼却施設の解体工事におけるダイオキシン類等汚染防止対策要綱</t>
    <rPh sb="0" eb="4">
      <t>カナガワケン</t>
    </rPh>
    <rPh sb="4" eb="7">
      <t>ハイキブツ</t>
    </rPh>
    <rPh sb="7" eb="9">
      <t>ショウキャク</t>
    </rPh>
    <rPh sb="9" eb="11">
      <t>シセツ</t>
    </rPh>
    <rPh sb="12" eb="13">
      <t>カイ</t>
    </rPh>
    <rPh sb="13" eb="14">
      <t>タイ</t>
    </rPh>
    <rPh sb="14" eb="16">
      <t>コウジ</t>
    </rPh>
    <rPh sb="26" eb="27">
      <t>ルイ</t>
    </rPh>
    <rPh sb="27" eb="28">
      <t>トウ</t>
    </rPh>
    <rPh sb="28" eb="30">
      <t>オセン</t>
    </rPh>
    <rPh sb="30" eb="32">
      <t>ボウシ</t>
    </rPh>
    <rPh sb="32" eb="34">
      <t>タイサク</t>
    </rPh>
    <rPh sb="34" eb="36">
      <t>ヨウコウ</t>
    </rPh>
    <phoneticPr fontId="2"/>
  </si>
  <si>
    <t>休廃止した
廃棄物焼却施設
の保管・解体</t>
    <rPh sb="0" eb="1">
      <t>キュウ</t>
    </rPh>
    <rPh sb="1" eb="3">
      <t>ハイシ</t>
    </rPh>
    <rPh sb="6" eb="9">
      <t>ハイキブツ</t>
    </rPh>
    <rPh sb="9" eb="11">
      <t>ショウキャク</t>
    </rPh>
    <rPh sb="11" eb="13">
      <t>シセツ</t>
    </rPh>
    <rPh sb="15" eb="17">
      <t>ホカン</t>
    </rPh>
    <rPh sb="18" eb="19">
      <t>カイ</t>
    </rPh>
    <rPh sb="19" eb="20">
      <t>タイ</t>
    </rPh>
    <phoneticPr fontId="2"/>
  </si>
  <si>
    <t>廃止した県有焼却施設の管理及び解体に係る取扱いについて</t>
    <rPh sb="0" eb="2">
      <t>ハイシ</t>
    </rPh>
    <rPh sb="4" eb="6">
      <t>ケンユウ</t>
    </rPh>
    <rPh sb="6" eb="8">
      <t>ショウキャク</t>
    </rPh>
    <rPh sb="8" eb="10">
      <t>シセツ</t>
    </rPh>
    <rPh sb="11" eb="13">
      <t>カンリ</t>
    </rPh>
    <rPh sb="13" eb="14">
      <t>オヨ</t>
    </rPh>
    <rPh sb="15" eb="16">
      <t>カイ</t>
    </rPh>
    <rPh sb="16" eb="17">
      <t>タイ</t>
    </rPh>
    <rPh sb="18" eb="19">
      <t>カカ</t>
    </rPh>
    <rPh sb="20" eb="22">
      <t>トリアツカ</t>
    </rPh>
    <phoneticPr fontId="2"/>
  </si>
  <si>
    <t>■一定規模以上の廃棄物焼却炉の解体工事■
・解体工事計画書の提出
・解体工事に伴うばいじん等の飛散防止、排気等
　による周辺環境汚染を防止するための措置
・解体工事に伴う廃棄物の保管と適正処置
・周辺の土壌等の環境調査の実施
・近隣住民への情報提供</t>
    <rPh sb="1" eb="3">
      <t>イッテイ</t>
    </rPh>
    <rPh sb="3" eb="5">
      <t>キボ</t>
    </rPh>
    <rPh sb="5" eb="7">
      <t>イジョウ</t>
    </rPh>
    <rPh sb="8" eb="11">
      <t>ハイキブツ</t>
    </rPh>
    <rPh sb="11" eb="14">
      <t>ショウキャクロ</t>
    </rPh>
    <rPh sb="15" eb="16">
      <t>カイ</t>
    </rPh>
    <rPh sb="16" eb="17">
      <t>タイ</t>
    </rPh>
    <rPh sb="17" eb="19">
      <t>コウジ</t>
    </rPh>
    <rPh sb="22" eb="23">
      <t>カイ</t>
    </rPh>
    <rPh sb="23" eb="24">
      <t>タイ</t>
    </rPh>
    <rPh sb="24" eb="26">
      <t>コウジ</t>
    </rPh>
    <rPh sb="26" eb="29">
      <t>ケイカクショ</t>
    </rPh>
    <rPh sb="30" eb="32">
      <t>テイシュツ</t>
    </rPh>
    <rPh sb="34" eb="35">
      <t>カイ</t>
    </rPh>
    <rPh sb="35" eb="36">
      <t>タイ</t>
    </rPh>
    <rPh sb="36" eb="38">
      <t>コウジ</t>
    </rPh>
    <rPh sb="39" eb="40">
      <t>トモナ</t>
    </rPh>
    <rPh sb="45" eb="46">
      <t>トウ</t>
    </rPh>
    <rPh sb="47" eb="49">
      <t>ヒサン</t>
    </rPh>
    <rPh sb="49" eb="51">
      <t>ボウシ</t>
    </rPh>
    <rPh sb="52" eb="54">
      <t>ハイキ</t>
    </rPh>
    <rPh sb="54" eb="55">
      <t>トウ</t>
    </rPh>
    <rPh sb="60" eb="62">
      <t>シュウヘン</t>
    </rPh>
    <rPh sb="62" eb="64">
      <t>カンキョウ</t>
    </rPh>
    <rPh sb="64" eb="66">
      <t>オセン</t>
    </rPh>
    <rPh sb="67" eb="69">
      <t>ボウシ</t>
    </rPh>
    <rPh sb="74" eb="76">
      <t>ソチ</t>
    </rPh>
    <rPh sb="78" eb="79">
      <t>カイ</t>
    </rPh>
    <rPh sb="79" eb="80">
      <t>タイ</t>
    </rPh>
    <rPh sb="80" eb="82">
      <t>コウジ</t>
    </rPh>
    <rPh sb="83" eb="84">
      <t>トモナ</t>
    </rPh>
    <rPh sb="85" eb="88">
      <t>ハイキブツ</t>
    </rPh>
    <rPh sb="89" eb="91">
      <t>ホカン</t>
    </rPh>
    <rPh sb="92" eb="94">
      <t>テキセイ</t>
    </rPh>
    <rPh sb="94" eb="96">
      <t>ショチ</t>
    </rPh>
    <rPh sb="98" eb="100">
      <t>シュウヘン</t>
    </rPh>
    <rPh sb="101" eb="103">
      <t>ドジョウ</t>
    </rPh>
    <rPh sb="103" eb="104">
      <t>トウ</t>
    </rPh>
    <rPh sb="105" eb="107">
      <t>カンキョウ</t>
    </rPh>
    <rPh sb="107" eb="109">
      <t>チョウサ</t>
    </rPh>
    <rPh sb="110" eb="112">
      <t>ジッシ</t>
    </rPh>
    <rPh sb="114" eb="116">
      <t>キンリン</t>
    </rPh>
    <rPh sb="116" eb="118">
      <t>ジュウミン</t>
    </rPh>
    <rPh sb="120" eb="122">
      <t>ジョウホウ</t>
    </rPh>
    <rPh sb="122" eb="124">
      <t>テイキョウ</t>
    </rPh>
    <phoneticPr fontId="2"/>
  </si>
  <si>
    <t>■解体工事を実施するまでの管理■
(1)出入口・灰出し口の閉止
　 煙突からの雨水の進入防止</t>
    <rPh sb="1" eb="2">
      <t>カイ</t>
    </rPh>
    <rPh sb="2" eb="3">
      <t>タイ</t>
    </rPh>
    <rPh sb="3" eb="5">
      <t>コウジ</t>
    </rPh>
    <rPh sb="6" eb="8">
      <t>ジッシ</t>
    </rPh>
    <rPh sb="13" eb="15">
      <t>カンリ</t>
    </rPh>
    <rPh sb="20" eb="22">
      <t>デイ</t>
    </rPh>
    <rPh sb="22" eb="23">
      <t>クチ</t>
    </rPh>
    <rPh sb="24" eb="25">
      <t>ハイ</t>
    </rPh>
    <rPh sb="25" eb="26">
      <t>ダ</t>
    </rPh>
    <rPh sb="27" eb="28">
      <t>クチ</t>
    </rPh>
    <rPh sb="29" eb="31">
      <t>ヘイシ</t>
    </rPh>
    <rPh sb="34" eb="36">
      <t>エントツ</t>
    </rPh>
    <rPh sb="39" eb="41">
      <t>ウスイ</t>
    </rPh>
    <rPh sb="42" eb="44">
      <t>シンニュウ</t>
    </rPh>
    <rPh sb="44" eb="46">
      <t>ボウシ</t>
    </rPh>
    <phoneticPr fontId="2"/>
  </si>
  <si>
    <t>(2)焼却施設の養生</t>
    <rPh sb="3" eb="5">
      <t>ショウキャク</t>
    </rPh>
    <rPh sb="5" eb="7">
      <t>シセツ</t>
    </rPh>
    <rPh sb="8" eb="10">
      <t>ヨウジョウ</t>
    </rPh>
    <phoneticPr fontId="2"/>
  </si>
  <si>
    <t>□ビニールシート等で
　覆っているか</t>
    <rPh sb="8" eb="9">
      <t>トウ</t>
    </rPh>
    <rPh sb="12" eb="13">
      <t>オオ</t>
    </rPh>
    <phoneticPr fontId="2"/>
  </si>
  <si>
    <t>(3)焼却炉に残っている燃え殻の除去
・燃え殻は水を撒くなどにより浸潤化して除去
・除去した燃え殻は蓋つき容器等で保管</t>
    <rPh sb="3" eb="6">
      <t>ショウキャクロ</t>
    </rPh>
    <rPh sb="7" eb="8">
      <t>ノコ</t>
    </rPh>
    <rPh sb="12" eb="13">
      <t>モ</t>
    </rPh>
    <rPh sb="14" eb="15">
      <t>ガラ</t>
    </rPh>
    <rPh sb="16" eb="18">
      <t>ジョキョ</t>
    </rPh>
    <rPh sb="20" eb="21">
      <t>モ</t>
    </rPh>
    <rPh sb="22" eb="23">
      <t>ガラ</t>
    </rPh>
    <rPh sb="24" eb="25">
      <t>ミズ</t>
    </rPh>
    <rPh sb="26" eb="27">
      <t>マ</t>
    </rPh>
    <rPh sb="33" eb="35">
      <t>シンジュン</t>
    </rPh>
    <rPh sb="35" eb="36">
      <t>カ</t>
    </rPh>
    <rPh sb="38" eb="40">
      <t>ジョキョ</t>
    </rPh>
    <rPh sb="42" eb="44">
      <t>ジョキョ</t>
    </rPh>
    <rPh sb="46" eb="47">
      <t>モ</t>
    </rPh>
    <rPh sb="48" eb="49">
      <t>ガラ</t>
    </rPh>
    <rPh sb="50" eb="51">
      <t>フタ</t>
    </rPh>
    <rPh sb="53" eb="55">
      <t>ヨウキ</t>
    </rPh>
    <rPh sb="55" eb="56">
      <t>トウ</t>
    </rPh>
    <rPh sb="57" eb="59">
      <t>ホカン</t>
    </rPh>
    <phoneticPr fontId="2"/>
  </si>
  <si>
    <t>□燃え殻は残っているか
□除去した燃え殻は蓋付
　容器に入れて飛散防止
　しているか</t>
    <rPh sb="1" eb="2">
      <t>モ</t>
    </rPh>
    <rPh sb="3" eb="4">
      <t>ガラ</t>
    </rPh>
    <rPh sb="5" eb="6">
      <t>ノコ</t>
    </rPh>
    <rPh sb="13" eb="15">
      <t>ジョキョ</t>
    </rPh>
    <rPh sb="17" eb="18">
      <t>モ</t>
    </rPh>
    <rPh sb="19" eb="20">
      <t>ガラ</t>
    </rPh>
    <rPh sb="21" eb="22">
      <t>フタ</t>
    </rPh>
    <rPh sb="22" eb="23">
      <t>ツキ</t>
    </rPh>
    <rPh sb="25" eb="27">
      <t>ヨウキ</t>
    </rPh>
    <rPh sb="28" eb="29">
      <t>イ</t>
    </rPh>
    <rPh sb="31" eb="33">
      <t>ヒサン</t>
    </rPh>
    <rPh sb="33" eb="35">
      <t>ボウシ</t>
    </rPh>
    <phoneticPr fontId="2"/>
  </si>
  <si>
    <t>(4)除去した燃え殻の処理
・除去した燃え殻は特別管理産業廃棄物として、
　「燃え殻」の許可を有する業者に委託して処理</t>
    <rPh sb="3" eb="5">
      <t>ジョキョ</t>
    </rPh>
    <rPh sb="7" eb="8">
      <t>モ</t>
    </rPh>
    <rPh sb="9" eb="10">
      <t>ガラ</t>
    </rPh>
    <rPh sb="11" eb="13">
      <t>ショリ</t>
    </rPh>
    <rPh sb="15" eb="17">
      <t>ジョキョ</t>
    </rPh>
    <rPh sb="19" eb="20">
      <t>モ</t>
    </rPh>
    <rPh sb="21" eb="22">
      <t>ガラ</t>
    </rPh>
    <rPh sb="23" eb="25">
      <t>トクベツ</t>
    </rPh>
    <rPh sb="25" eb="27">
      <t>カンリ</t>
    </rPh>
    <rPh sb="27" eb="29">
      <t>サンギョウ</t>
    </rPh>
    <rPh sb="29" eb="32">
      <t>ハイキブツ</t>
    </rPh>
    <rPh sb="39" eb="40">
      <t>モ</t>
    </rPh>
    <rPh sb="41" eb="42">
      <t>ガラ</t>
    </rPh>
    <rPh sb="44" eb="46">
      <t>キョカ</t>
    </rPh>
    <rPh sb="47" eb="48">
      <t>ユウ</t>
    </rPh>
    <rPh sb="50" eb="52">
      <t>ギョウシャ</t>
    </rPh>
    <rPh sb="53" eb="55">
      <t>イタク</t>
    </rPh>
    <rPh sb="57" eb="59">
      <t>ショリ</t>
    </rPh>
    <phoneticPr fontId="2"/>
  </si>
  <si>
    <t>□委託業者は「燃え殻」
　の許可を有する収集運
　搬・中間処分業者か</t>
    <rPh sb="1" eb="3">
      <t>イタク</t>
    </rPh>
    <rPh sb="3" eb="5">
      <t>ギョウシャ</t>
    </rPh>
    <rPh sb="7" eb="8">
      <t>モ</t>
    </rPh>
    <rPh sb="9" eb="10">
      <t>ガラ</t>
    </rPh>
    <rPh sb="14" eb="16">
      <t>キョカ</t>
    </rPh>
    <rPh sb="17" eb="18">
      <t>ユウ</t>
    </rPh>
    <rPh sb="20" eb="22">
      <t>シュウシュウ</t>
    </rPh>
    <rPh sb="22" eb="23">
      <t>ウン</t>
    </rPh>
    <rPh sb="25" eb="26">
      <t>ハン</t>
    </rPh>
    <rPh sb="27" eb="29">
      <t>チュウカン</t>
    </rPh>
    <rPh sb="29" eb="31">
      <t>ショブン</t>
    </rPh>
    <rPh sb="31" eb="33">
      <t>ギョウシャ</t>
    </rPh>
    <phoneticPr fontId="2"/>
  </si>
  <si>
    <t>□出入口・灰出し口は
　締め切っているか
□煙突の開口部は覆って
　いるか</t>
    <rPh sb="1" eb="3">
      <t>デイ</t>
    </rPh>
    <rPh sb="3" eb="4">
      <t>クチ</t>
    </rPh>
    <rPh sb="5" eb="6">
      <t>ハイ</t>
    </rPh>
    <rPh sb="6" eb="7">
      <t>ダ</t>
    </rPh>
    <rPh sb="8" eb="9">
      <t>クチ</t>
    </rPh>
    <rPh sb="12" eb="13">
      <t>シ</t>
    </rPh>
    <rPh sb="14" eb="15">
      <t>キ</t>
    </rPh>
    <rPh sb="22" eb="24">
      <t>エントツ</t>
    </rPh>
    <rPh sb="25" eb="28">
      <t>カイコウブ</t>
    </rPh>
    <rPh sb="29" eb="30">
      <t>オオ</t>
    </rPh>
    <phoneticPr fontId="2"/>
  </si>
  <si>
    <t>□定期点検を行ったか
□焼却施設点検記録簿は
　保存されているか</t>
    <rPh sb="1" eb="3">
      <t>テイキ</t>
    </rPh>
    <rPh sb="3" eb="5">
      <t>テンケン</t>
    </rPh>
    <rPh sb="6" eb="7">
      <t>オコナ</t>
    </rPh>
    <rPh sb="12" eb="14">
      <t>ショウキャク</t>
    </rPh>
    <rPh sb="14" eb="16">
      <t>シセツ</t>
    </rPh>
    <rPh sb="16" eb="18">
      <t>テンケン</t>
    </rPh>
    <rPh sb="18" eb="21">
      <t>キロクボ</t>
    </rPh>
    <rPh sb="24" eb="26">
      <t>ホゾン</t>
    </rPh>
    <phoneticPr fontId="2"/>
  </si>
  <si>
    <r>
      <t>(5)日常点検等
・日常的に出入口等の閉止状況を点検する
・毎月１回定期的に点検し、点検結果を記録
　</t>
    </r>
    <r>
      <rPr>
        <sz val="7"/>
        <color theme="1"/>
        <rFont val="ＭＳ 明朝"/>
        <family val="1"/>
        <charset val="128"/>
      </rPr>
      <t>（外観、投入口、灰出し口、焼却炉、煙突、養生他）</t>
    </r>
    <rPh sb="3" eb="5">
      <t>ニチジョウ</t>
    </rPh>
    <rPh sb="5" eb="7">
      <t>テンケン</t>
    </rPh>
    <rPh sb="7" eb="8">
      <t>トウ</t>
    </rPh>
    <rPh sb="10" eb="13">
      <t>ニチジョウテキ</t>
    </rPh>
    <rPh sb="14" eb="16">
      <t>デイリ</t>
    </rPh>
    <rPh sb="16" eb="17">
      <t>グチ</t>
    </rPh>
    <rPh sb="17" eb="18">
      <t>トウ</t>
    </rPh>
    <rPh sb="19" eb="21">
      <t>ヘイシ</t>
    </rPh>
    <rPh sb="21" eb="23">
      <t>ジョウキョウ</t>
    </rPh>
    <rPh sb="24" eb="26">
      <t>テンケン</t>
    </rPh>
    <rPh sb="30" eb="32">
      <t>マイツキ</t>
    </rPh>
    <rPh sb="33" eb="34">
      <t>カイ</t>
    </rPh>
    <rPh sb="34" eb="37">
      <t>テイキテキ</t>
    </rPh>
    <rPh sb="38" eb="40">
      <t>テンケン</t>
    </rPh>
    <rPh sb="42" eb="44">
      <t>テンケン</t>
    </rPh>
    <rPh sb="44" eb="46">
      <t>ケッカ</t>
    </rPh>
    <rPh sb="47" eb="49">
      <t>キロク</t>
    </rPh>
    <rPh sb="52" eb="54">
      <t>ガイカン</t>
    </rPh>
    <rPh sb="55" eb="57">
      <t>トウニュウ</t>
    </rPh>
    <rPh sb="57" eb="58">
      <t>グチ</t>
    </rPh>
    <rPh sb="59" eb="60">
      <t>ハイ</t>
    </rPh>
    <rPh sb="60" eb="61">
      <t>ダ</t>
    </rPh>
    <rPh sb="62" eb="63">
      <t>クチ</t>
    </rPh>
    <rPh sb="64" eb="67">
      <t>ショウキャクロ</t>
    </rPh>
    <rPh sb="68" eb="70">
      <t>エントツ</t>
    </rPh>
    <rPh sb="71" eb="73">
      <t>ヨウジョウ</t>
    </rPh>
    <rPh sb="73" eb="74">
      <t>ホカ</t>
    </rPh>
    <phoneticPr fontId="2"/>
  </si>
  <si>
    <t>□要綱に基づき解体工事
　を行ったか</t>
    <rPh sb="1" eb="3">
      <t>ヨウコウ</t>
    </rPh>
    <rPh sb="4" eb="5">
      <t>モト</t>
    </rPh>
    <rPh sb="7" eb="8">
      <t>カイ</t>
    </rPh>
    <rPh sb="8" eb="9">
      <t>タイ</t>
    </rPh>
    <rPh sb="9" eb="11">
      <t>コウジ</t>
    </rPh>
    <rPh sb="14" eb="15">
      <t>オコナ</t>
    </rPh>
    <phoneticPr fontId="2"/>
  </si>
  <si>
    <t>■要綱対象規模未満の焼却施設の解体■
・以下の事項を解体工事業者に指示すること
　・周囲をシート等で養生し地面への飛散を防止
　・着手前のばいじん等の湿潤化等
　・工事で発生した廃棄物の分別と飛散防止
　・有資格業者による収集運搬、最終処分</t>
    <rPh sb="1" eb="3">
      <t>ヨウコウ</t>
    </rPh>
    <rPh sb="3" eb="5">
      <t>タイショウ</t>
    </rPh>
    <rPh sb="5" eb="7">
      <t>キボ</t>
    </rPh>
    <rPh sb="7" eb="9">
      <t>ミマン</t>
    </rPh>
    <rPh sb="10" eb="12">
      <t>ショウキャク</t>
    </rPh>
    <rPh sb="12" eb="14">
      <t>シセツ</t>
    </rPh>
    <rPh sb="15" eb="16">
      <t>カイ</t>
    </rPh>
    <rPh sb="16" eb="17">
      <t>タイ</t>
    </rPh>
    <rPh sb="20" eb="22">
      <t>イカ</t>
    </rPh>
    <rPh sb="23" eb="25">
      <t>ジコウ</t>
    </rPh>
    <rPh sb="26" eb="27">
      <t>カイ</t>
    </rPh>
    <rPh sb="27" eb="28">
      <t>タイ</t>
    </rPh>
    <rPh sb="28" eb="30">
      <t>コウジ</t>
    </rPh>
    <rPh sb="30" eb="32">
      <t>ギョウシャ</t>
    </rPh>
    <rPh sb="33" eb="35">
      <t>シジ</t>
    </rPh>
    <rPh sb="42" eb="44">
      <t>シュウイ</t>
    </rPh>
    <rPh sb="48" eb="49">
      <t>トウ</t>
    </rPh>
    <rPh sb="50" eb="52">
      <t>ヨウジョウ</t>
    </rPh>
    <rPh sb="53" eb="55">
      <t>ジメン</t>
    </rPh>
    <rPh sb="57" eb="59">
      <t>ヒサン</t>
    </rPh>
    <rPh sb="60" eb="62">
      <t>ボウシ</t>
    </rPh>
    <rPh sb="65" eb="67">
      <t>チャクシュ</t>
    </rPh>
    <rPh sb="67" eb="68">
      <t>マエ</t>
    </rPh>
    <rPh sb="73" eb="74">
      <t>トウ</t>
    </rPh>
    <rPh sb="75" eb="77">
      <t>シツジュン</t>
    </rPh>
    <rPh sb="77" eb="78">
      <t>カ</t>
    </rPh>
    <rPh sb="78" eb="79">
      <t>トウ</t>
    </rPh>
    <rPh sb="82" eb="84">
      <t>コウジ</t>
    </rPh>
    <rPh sb="85" eb="87">
      <t>ハッセイ</t>
    </rPh>
    <rPh sb="89" eb="92">
      <t>ハイキブツ</t>
    </rPh>
    <rPh sb="93" eb="95">
      <t>ブンベツ</t>
    </rPh>
    <rPh sb="96" eb="98">
      <t>ヒサン</t>
    </rPh>
    <rPh sb="98" eb="100">
      <t>ボウシ</t>
    </rPh>
    <rPh sb="103" eb="104">
      <t>ユウ</t>
    </rPh>
    <rPh sb="104" eb="106">
      <t>シカク</t>
    </rPh>
    <rPh sb="106" eb="108">
      <t>ギョウシャ</t>
    </rPh>
    <rPh sb="111" eb="113">
      <t>シュウシュウ</t>
    </rPh>
    <rPh sb="113" eb="115">
      <t>ウンパン</t>
    </rPh>
    <rPh sb="116" eb="118">
      <t>サイシュウ</t>
    </rPh>
    <rPh sb="118" eb="120">
      <t>ショブン</t>
    </rPh>
    <phoneticPr fontId="2"/>
  </si>
  <si>
    <t>□解体工事業者に適切な
　指示を行ったか</t>
    <rPh sb="1" eb="2">
      <t>カイ</t>
    </rPh>
    <rPh sb="2" eb="3">
      <t>タイ</t>
    </rPh>
    <rPh sb="3" eb="5">
      <t>コウジ</t>
    </rPh>
    <rPh sb="5" eb="7">
      <t>ギョウシャ</t>
    </rPh>
    <rPh sb="8" eb="10">
      <t>テキセツ</t>
    </rPh>
    <rPh sb="13" eb="15">
      <t>シジ</t>
    </rPh>
    <rPh sb="16" eb="17">
      <t>オコナ</t>
    </rPh>
    <phoneticPr fontId="2"/>
  </si>
  <si>
    <t>ダイオキシン類対策特別措置法</t>
    <rPh sb="6" eb="7">
      <t>ルイ</t>
    </rPh>
    <rPh sb="7" eb="9">
      <t>タイサク</t>
    </rPh>
    <rPh sb="9" eb="11">
      <t>トクベツ</t>
    </rPh>
    <rPh sb="11" eb="14">
      <t>ソチホウ</t>
    </rPh>
    <phoneticPr fontId="2"/>
  </si>
  <si>
    <t>■変更届の提出■
・廃棄物焼却炉等の特定施設の施設の構造、使用
　方法等を変更するときは、知事に届出を行う</t>
    <rPh sb="1" eb="3">
      <t>ヘンコウ</t>
    </rPh>
    <rPh sb="3" eb="4">
      <t>トド</t>
    </rPh>
    <rPh sb="5" eb="7">
      <t>テイシュツ</t>
    </rPh>
    <rPh sb="10" eb="13">
      <t>ハイキブツ</t>
    </rPh>
    <rPh sb="13" eb="15">
      <t>ショウキャク</t>
    </rPh>
    <rPh sb="15" eb="16">
      <t>ロ</t>
    </rPh>
    <rPh sb="16" eb="17">
      <t>トウ</t>
    </rPh>
    <rPh sb="18" eb="20">
      <t>トクテイ</t>
    </rPh>
    <rPh sb="20" eb="22">
      <t>シセツ</t>
    </rPh>
    <rPh sb="23" eb="25">
      <t>シセツ</t>
    </rPh>
    <rPh sb="26" eb="28">
      <t>コウゾウ</t>
    </rPh>
    <rPh sb="29" eb="31">
      <t>シヨウ</t>
    </rPh>
    <rPh sb="33" eb="35">
      <t>ホウホウ</t>
    </rPh>
    <rPh sb="35" eb="36">
      <t>トウ</t>
    </rPh>
    <rPh sb="37" eb="39">
      <t>ヘンコウ</t>
    </rPh>
    <rPh sb="45" eb="47">
      <t>チジ</t>
    </rPh>
    <rPh sb="48" eb="50">
      <t>トドケデ</t>
    </rPh>
    <rPh sb="51" eb="52">
      <t>オコナ</t>
    </rPh>
    <phoneticPr fontId="2"/>
  </si>
  <si>
    <t>■氏名の変更等の提出■
・氏名等に変更があったときは、30日以内に知事
　に届出を行う</t>
    <rPh sb="1" eb="3">
      <t>シメイ</t>
    </rPh>
    <rPh sb="4" eb="6">
      <t>ヘンコウ</t>
    </rPh>
    <rPh sb="6" eb="7">
      <t>トウ</t>
    </rPh>
    <rPh sb="8" eb="10">
      <t>テイシュツ</t>
    </rPh>
    <rPh sb="13" eb="14">
      <t>シ</t>
    </rPh>
    <rPh sb="15" eb="16">
      <t>トウ</t>
    </rPh>
    <rPh sb="17" eb="19">
      <t>ヘンコウ</t>
    </rPh>
    <rPh sb="29" eb="30">
      <t>ニチ</t>
    </rPh>
    <rPh sb="30" eb="32">
      <t>イナイ</t>
    </rPh>
    <rPh sb="33" eb="35">
      <t>チジ</t>
    </rPh>
    <rPh sb="38" eb="40">
      <t>トドケデ</t>
    </rPh>
    <rPh sb="41" eb="42">
      <t>オコナ</t>
    </rPh>
    <phoneticPr fontId="2"/>
  </si>
  <si>
    <t>Ｈ20</t>
    <phoneticPr fontId="2"/>
  </si>
  <si>
    <t>■事故時の措置■
・破損等によりダイオキシン類が大量に排出され
　た場合、直ちに応急措置・復旧の措置を講じる
・直ちに知事に通報する</t>
    <rPh sb="1" eb="3">
      <t>ジコ</t>
    </rPh>
    <rPh sb="3" eb="4">
      <t>ジ</t>
    </rPh>
    <rPh sb="5" eb="7">
      <t>ソチ</t>
    </rPh>
    <rPh sb="10" eb="12">
      <t>ハソン</t>
    </rPh>
    <rPh sb="12" eb="13">
      <t>トウ</t>
    </rPh>
    <rPh sb="22" eb="23">
      <t>ルイ</t>
    </rPh>
    <rPh sb="24" eb="26">
      <t>タイリョウ</t>
    </rPh>
    <rPh sb="27" eb="29">
      <t>ハイシュツ</t>
    </rPh>
    <rPh sb="34" eb="36">
      <t>バアイ</t>
    </rPh>
    <rPh sb="37" eb="38">
      <t>タダ</t>
    </rPh>
    <rPh sb="40" eb="42">
      <t>オウキュウ</t>
    </rPh>
    <rPh sb="42" eb="44">
      <t>ソチ</t>
    </rPh>
    <rPh sb="45" eb="47">
      <t>フッキュウ</t>
    </rPh>
    <rPh sb="48" eb="50">
      <t>ソチ</t>
    </rPh>
    <rPh sb="51" eb="52">
      <t>コウ</t>
    </rPh>
    <rPh sb="56" eb="57">
      <t>タダ</t>
    </rPh>
    <rPh sb="59" eb="61">
      <t>チジ</t>
    </rPh>
    <rPh sb="62" eb="64">
      <t>ツウホウ</t>
    </rPh>
    <phoneticPr fontId="2"/>
  </si>
  <si>
    <t>□該当事象はあったか
□直ちに応急・復旧措置
　及び通報を行ったか
　（記録を確認）</t>
    <rPh sb="1" eb="3">
      <t>ガイトウ</t>
    </rPh>
    <rPh sb="3" eb="5">
      <t>ジショウ</t>
    </rPh>
    <rPh sb="12" eb="13">
      <t>タダ</t>
    </rPh>
    <rPh sb="15" eb="17">
      <t>オウキュウ</t>
    </rPh>
    <rPh sb="18" eb="20">
      <t>フッキュウ</t>
    </rPh>
    <rPh sb="20" eb="22">
      <t>ソチ</t>
    </rPh>
    <rPh sb="24" eb="25">
      <t>オヨ</t>
    </rPh>
    <rPh sb="26" eb="28">
      <t>ツウホウ</t>
    </rPh>
    <rPh sb="29" eb="30">
      <t>オコナ</t>
    </rPh>
    <rPh sb="36" eb="38">
      <t>キロク</t>
    </rPh>
    <rPh sb="39" eb="41">
      <t>カクニン</t>
    </rPh>
    <phoneticPr fontId="2"/>
  </si>
  <si>
    <t>Ｈ28
Ｒ４
Ｋ２</t>
    <phoneticPr fontId="2"/>
  </si>
  <si>
    <t>廃棄物の処理及び清掃に関する法律</t>
    <rPh sb="0" eb="3">
      <t>ハイキブツ</t>
    </rPh>
    <rPh sb="4" eb="6">
      <t>ショリ</t>
    </rPh>
    <rPh sb="6" eb="7">
      <t>オヨ</t>
    </rPh>
    <rPh sb="8" eb="10">
      <t>セイソウ</t>
    </rPh>
    <rPh sb="11" eb="12">
      <t>カン</t>
    </rPh>
    <rPh sb="14" eb="16">
      <t>ホウリツ</t>
    </rPh>
    <phoneticPr fontId="2"/>
  </si>
  <si>
    <t>□特別管理産業廃棄物
　として、廃棄物処理法
　に従い、適切に処分し
　たか。</t>
    <rPh sb="1" eb="3">
      <t>トクベツ</t>
    </rPh>
    <rPh sb="3" eb="5">
      <t>カンリ</t>
    </rPh>
    <rPh sb="5" eb="7">
      <t>サンギョウ</t>
    </rPh>
    <rPh sb="7" eb="10">
      <t>ハイキブツ</t>
    </rPh>
    <rPh sb="16" eb="19">
      <t>ハイキブツ</t>
    </rPh>
    <rPh sb="19" eb="22">
      <t>ショリホウ</t>
    </rPh>
    <rPh sb="25" eb="26">
      <t>シタガ</t>
    </rPh>
    <rPh sb="28" eb="30">
      <t>テキセツ</t>
    </rPh>
    <rPh sb="31" eb="33">
      <t>ショブン</t>
    </rPh>
    <phoneticPr fontId="2"/>
  </si>
  <si>
    <t>特別管理産業廃棄物のチェックリスト参照</t>
    <rPh sb="0" eb="2">
      <t>トクベツ</t>
    </rPh>
    <rPh sb="2" eb="4">
      <t>カンリ</t>
    </rPh>
    <rPh sb="4" eb="6">
      <t>サンギョウ</t>
    </rPh>
    <rPh sb="6" eb="9">
      <t>ハイキブツ</t>
    </rPh>
    <rPh sb="17" eb="19">
      <t>サンショウ</t>
    </rPh>
    <phoneticPr fontId="2"/>
  </si>
  <si>
    <t>廃棄物の処理及び清掃に関する法律</t>
    <phoneticPr fontId="2"/>
  </si>
  <si>
    <t>Ｈ６の２
Ｒ４の４
Ｋ１の17・18</t>
    <phoneticPr fontId="2"/>
  </si>
  <si>
    <t>　○内部監査で指摘が多い事項</t>
    <rPh sb="2" eb="4">
      <t>ナイブ</t>
    </rPh>
    <rPh sb="4" eb="6">
      <t>カンサ</t>
    </rPh>
    <rPh sb="7" eb="9">
      <t>シテキ</t>
    </rPh>
    <rPh sb="10" eb="11">
      <t>オオ</t>
    </rPh>
    <rPh sb="12" eb="14">
      <t>ジコウ</t>
    </rPh>
    <phoneticPr fontId="2"/>
  </si>
  <si>
    <t>各所属において、不備がないように特に注意してください。</t>
    <rPh sb="0" eb="1">
      <t>カク</t>
    </rPh>
    <rPh sb="1" eb="3">
      <t>ショゾク</t>
    </rPh>
    <rPh sb="8" eb="10">
      <t>フビ</t>
    </rPh>
    <rPh sb="16" eb="17">
      <t>トク</t>
    </rPh>
    <rPh sb="18" eb="20">
      <t>チュウイ</t>
    </rPh>
    <phoneticPr fontId="2"/>
  </si>
  <si>
    <t>■廃棄■
・廃棄する際に技術上の基準（中和・希釈など★)
　に従う　★技術上の基準は施行令40条で規定</t>
    <rPh sb="1" eb="3">
      <t>ハイキ</t>
    </rPh>
    <rPh sb="6" eb="8">
      <t>ハイキ</t>
    </rPh>
    <rPh sb="10" eb="11">
      <t>サイ</t>
    </rPh>
    <rPh sb="12" eb="14">
      <t>ギジュツ</t>
    </rPh>
    <rPh sb="14" eb="15">
      <t>ジョウ</t>
    </rPh>
    <rPh sb="16" eb="18">
      <t>キジュン</t>
    </rPh>
    <rPh sb="19" eb="21">
      <t>チュウワ</t>
    </rPh>
    <rPh sb="22" eb="24">
      <t>キシャク</t>
    </rPh>
    <rPh sb="31" eb="32">
      <t>シタガ</t>
    </rPh>
    <rPh sb="35" eb="37">
      <t>ギジュツ</t>
    </rPh>
    <rPh sb="37" eb="38">
      <t>ジョウ</t>
    </rPh>
    <rPh sb="39" eb="41">
      <t>キジュン</t>
    </rPh>
    <rPh sb="42" eb="44">
      <t>セコウ</t>
    </rPh>
    <rPh sb="44" eb="45">
      <t>レイ</t>
    </rPh>
    <rPh sb="47" eb="48">
      <t>ジョウ</t>
    </rPh>
    <rPh sb="49" eb="51">
      <t>キテイ</t>
    </rPh>
    <phoneticPr fontId="2"/>
  </si>
  <si>
    <t>■貯蔵■
・高圧ガスの貯蔵は、技術上の基準(★)に従って
　行う
　★技術上の基準：一般高圧ガス保安規則18～30
　　条に記載</t>
    <rPh sb="1" eb="3">
      <t>チョゾウ</t>
    </rPh>
    <rPh sb="6" eb="8">
      <t>コウアツ</t>
    </rPh>
    <rPh sb="11" eb="13">
      <t>チョゾウ</t>
    </rPh>
    <rPh sb="15" eb="17">
      <t>ギジュツ</t>
    </rPh>
    <rPh sb="17" eb="18">
      <t>ジョウ</t>
    </rPh>
    <rPh sb="19" eb="21">
      <t>キジュン</t>
    </rPh>
    <rPh sb="25" eb="26">
      <t>シタガ</t>
    </rPh>
    <rPh sb="30" eb="31">
      <t>オコナ</t>
    </rPh>
    <rPh sb="35" eb="37">
      <t>ギジュツ</t>
    </rPh>
    <rPh sb="37" eb="38">
      <t>ジョウ</t>
    </rPh>
    <rPh sb="39" eb="41">
      <t>キジュン</t>
    </rPh>
    <rPh sb="42" eb="44">
      <t>イッパン</t>
    </rPh>
    <rPh sb="44" eb="46">
      <t>コウアツ</t>
    </rPh>
    <rPh sb="48" eb="50">
      <t>ホアン</t>
    </rPh>
    <rPh sb="50" eb="52">
      <t>キソク</t>
    </rPh>
    <rPh sb="60" eb="61">
      <t>ジョウ</t>
    </rPh>
    <rPh sb="62" eb="64">
      <t>キサイ</t>
    </rPh>
    <phoneticPr fontId="2"/>
  </si>
  <si>
    <t>■貯蔵所■
・300㎥以上の高圧ガスの貯蔵は、許可を受けて設
　置する第１種貯蔵所で行う
　★詳細は一般高圧ガス保安規則18～30条に記載</t>
    <rPh sb="1" eb="3">
      <t>チョゾウ</t>
    </rPh>
    <rPh sb="3" eb="4">
      <t>ショ</t>
    </rPh>
    <rPh sb="11" eb="13">
      <t>イジョウ</t>
    </rPh>
    <rPh sb="14" eb="16">
      <t>コウアツ</t>
    </rPh>
    <rPh sb="19" eb="21">
      <t>チョゾウ</t>
    </rPh>
    <rPh sb="23" eb="25">
      <t>キョカ</t>
    </rPh>
    <rPh sb="26" eb="27">
      <t>ウ</t>
    </rPh>
    <rPh sb="29" eb="30">
      <t>セツ</t>
    </rPh>
    <rPh sb="32" eb="33">
      <t>チ</t>
    </rPh>
    <rPh sb="35" eb="36">
      <t>ダイ</t>
    </rPh>
    <rPh sb="37" eb="38">
      <t>シュ</t>
    </rPh>
    <rPh sb="38" eb="40">
      <t>チョゾウ</t>
    </rPh>
    <rPh sb="40" eb="41">
      <t>ショ</t>
    </rPh>
    <rPh sb="42" eb="43">
      <t>オコナ</t>
    </rPh>
    <rPh sb="47" eb="49">
      <t>ショウサイ</t>
    </rPh>
    <rPh sb="50" eb="52">
      <t>イッパン</t>
    </rPh>
    <rPh sb="52" eb="54">
      <t>コウアツ</t>
    </rPh>
    <rPh sb="56" eb="58">
      <t>ホアン</t>
    </rPh>
    <rPh sb="58" eb="60">
      <t>キソク</t>
    </rPh>
    <rPh sb="65" eb="66">
      <t>ジョウ</t>
    </rPh>
    <rPh sb="67" eb="69">
      <t>キサイ</t>
    </rPh>
    <phoneticPr fontId="2"/>
  </si>
  <si>
    <t>■ばいじん等の処理■
・ばいじん、焼却灰、燃え殻等の処分を行う場合
　は、ダイオキシン類の量が基準値以内になるよ
　う処理すること　※基準値：環境省令で定める</t>
    <rPh sb="5" eb="6">
      <t>トウ</t>
    </rPh>
    <rPh sb="7" eb="9">
      <t>ショリ</t>
    </rPh>
    <rPh sb="17" eb="20">
      <t>ショウキャクバイ</t>
    </rPh>
    <rPh sb="21" eb="22">
      <t>モ</t>
    </rPh>
    <rPh sb="23" eb="24">
      <t>ガラ</t>
    </rPh>
    <rPh sb="24" eb="25">
      <t>トウ</t>
    </rPh>
    <rPh sb="26" eb="28">
      <t>ショブン</t>
    </rPh>
    <rPh sb="29" eb="30">
      <t>オコナ</t>
    </rPh>
    <rPh sb="31" eb="33">
      <t>バアイ</t>
    </rPh>
    <rPh sb="43" eb="44">
      <t>ルイ</t>
    </rPh>
    <rPh sb="45" eb="46">
      <t>リョウ</t>
    </rPh>
    <rPh sb="47" eb="50">
      <t>キジュンチ</t>
    </rPh>
    <rPh sb="50" eb="52">
      <t>イナイ</t>
    </rPh>
    <rPh sb="59" eb="61">
      <t>ショリ</t>
    </rPh>
    <rPh sb="67" eb="69">
      <t>キジュン</t>
    </rPh>
    <rPh sb="69" eb="70">
      <t>チ</t>
    </rPh>
    <rPh sb="71" eb="73">
      <t>カンキョウ</t>
    </rPh>
    <rPh sb="73" eb="74">
      <t>ショウ</t>
    </rPh>
    <rPh sb="74" eb="75">
      <t>レイ</t>
    </rPh>
    <rPh sb="76" eb="77">
      <t>サダ</t>
    </rPh>
    <phoneticPr fontId="2"/>
  </si>
  <si>
    <t>■特別管理産業廃棄物としての処理■
・ばいじん、焼却灰、燃え殻は、廃棄物処理法の
　特別管理産業廃棄物として、保管、有資格業者
　への委託による処分、管理責任者設置等を行う</t>
    <rPh sb="1" eb="3">
      <t>トクベツ</t>
    </rPh>
    <rPh sb="3" eb="5">
      <t>カンリ</t>
    </rPh>
    <rPh sb="5" eb="7">
      <t>サンギョウ</t>
    </rPh>
    <rPh sb="7" eb="10">
      <t>ハイキブツ</t>
    </rPh>
    <rPh sb="14" eb="16">
      <t>ショリ</t>
    </rPh>
    <rPh sb="24" eb="26">
      <t>ショウキャク</t>
    </rPh>
    <rPh sb="26" eb="27">
      <t>ハイ</t>
    </rPh>
    <rPh sb="28" eb="29">
      <t>モ</t>
    </rPh>
    <rPh sb="30" eb="31">
      <t>ガラ</t>
    </rPh>
    <rPh sb="33" eb="36">
      <t>ハイキブツ</t>
    </rPh>
    <rPh sb="36" eb="39">
      <t>ショリホウ</t>
    </rPh>
    <rPh sb="42" eb="44">
      <t>トクベツ</t>
    </rPh>
    <rPh sb="44" eb="46">
      <t>カンリ</t>
    </rPh>
    <rPh sb="46" eb="48">
      <t>サンギョウ</t>
    </rPh>
    <rPh sb="48" eb="51">
      <t>ハイキブツ</t>
    </rPh>
    <rPh sb="55" eb="57">
      <t>ホカン</t>
    </rPh>
    <rPh sb="58" eb="59">
      <t>ユウ</t>
    </rPh>
    <rPh sb="59" eb="61">
      <t>シカク</t>
    </rPh>
    <rPh sb="61" eb="63">
      <t>ギョウシャ</t>
    </rPh>
    <rPh sb="67" eb="69">
      <t>イタク</t>
    </rPh>
    <rPh sb="72" eb="74">
      <t>ショブン</t>
    </rPh>
    <rPh sb="75" eb="77">
      <t>カンリ</t>
    </rPh>
    <rPh sb="77" eb="79">
      <t>セキニン</t>
    </rPh>
    <rPh sb="79" eb="80">
      <t>シャ</t>
    </rPh>
    <rPh sb="80" eb="82">
      <t>セッチ</t>
    </rPh>
    <rPh sb="82" eb="83">
      <t>トウ</t>
    </rPh>
    <rPh sb="84" eb="85">
      <t>オコナ</t>
    </rPh>
    <phoneticPr fontId="2"/>
  </si>
  <si>
    <t>指定数量以上の危険物（★）を貯蔵する場合は、消防法などの以下の条項が適用になります。
　★　消防法第２条で規定（ガソリン・ベンゼン・トルエン・灯油・軽油・アルコール類など）</t>
    <rPh sb="0" eb="2">
      <t>シテイ</t>
    </rPh>
    <rPh sb="2" eb="4">
      <t>スウリョウ</t>
    </rPh>
    <rPh sb="4" eb="6">
      <t>イジョウ</t>
    </rPh>
    <rPh sb="7" eb="10">
      <t>キケンブツ</t>
    </rPh>
    <rPh sb="14" eb="16">
      <t>チョゾウ</t>
    </rPh>
    <rPh sb="18" eb="20">
      <t>バアイ</t>
    </rPh>
    <rPh sb="22" eb="25">
      <t>ショウボウホウ</t>
    </rPh>
    <rPh sb="28" eb="30">
      <t>イカ</t>
    </rPh>
    <rPh sb="31" eb="33">
      <t>ジョウコウ</t>
    </rPh>
    <rPh sb="34" eb="36">
      <t>テキヨウ</t>
    </rPh>
    <rPh sb="46" eb="49">
      <t>ショウボウホウ</t>
    </rPh>
    <rPh sb="49" eb="50">
      <t>ダイ</t>
    </rPh>
    <rPh sb="51" eb="52">
      <t>ジョウ</t>
    </rPh>
    <rPh sb="53" eb="55">
      <t>キテイ</t>
    </rPh>
    <rPh sb="71" eb="73">
      <t>トウユ</t>
    </rPh>
    <rPh sb="74" eb="76">
      <t>ケイユ</t>
    </rPh>
    <rPh sb="82" eb="83">
      <t>ルイ</t>
    </rPh>
    <phoneticPr fontId="2"/>
  </si>
  <si>
    <t>一般廃棄物（★）を排出する場合は、廃棄物の処理及び清掃に関する法律の以下の条項が適用されます。
　★　廃棄物の処理及び清掃に関する法律第２条で規定（産業廃棄物以外の廃棄物）</t>
    <rPh sb="0" eb="2">
      <t>イッパン</t>
    </rPh>
    <rPh sb="2" eb="4">
      <t>ハイキ</t>
    </rPh>
    <rPh sb="4" eb="5">
      <t>ブツ</t>
    </rPh>
    <rPh sb="9" eb="11">
      <t>ハイシュツ</t>
    </rPh>
    <rPh sb="13" eb="15">
      <t>バアイ</t>
    </rPh>
    <rPh sb="17" eb="20">
      <t>ハイキブツ</t>
    </rPh>
    <rPh sb="34" eb="36">
      <t>イカ</t>
    </rPh>
    <rPh sb="40" eb="42">
      <t>テキヨウ</t>
    </rPh>
    <rPh sb="67" eb="68">
      <t>ダイ</t>
    </rPh>
    <rPh sb="69" eb="70">
      <t>ジョウ</t>
    </rPh>
    <rPh sb="71" eb="73">
      <t>キテイ</t>
    </rPh>
    <rPh sb="74" eb="76">
      <t>サンギョウ</t>
    </rPh>
    <rPh sb="76" eb="78">
      <t>ハイキ</t>
    </rPh>
    <rPh sb="78" eb="79">
      <t>ブツ</t>
    </rPh>
    <rPh sb="79" eb="81">
      <t>イガイ</t>
    </rPh>
    <rPh sb="82" eb="85">
      <t>ハイキブツ</t>
    </rPh>
    <phoneticPr fontId="2"/>
  </si>
  <si>
    <t>■一般廃棄物の運搬・処分委託■
・一般廃棄物収集運搬・処分の許可業者もしくは
　もっぱら業者、再生利用認定業者にそれぞれ
　委託する
　※業として処理を行うことができるもので、
　　処理がその事業範囲に含まれるものに委託
　　する</t>
    <rPh sb="1" eb="3">
      <t>イッパン</t>
    </rPh>
    <rPh sb="3" eb="6">
      <t>ハイキブツ</t>
    </rPh>
    <rPh sb="7" eb="9">
      <t>ウンパン</t>
    </rPh>
    <rPh sb="10" eb="12">
      <t>ショブン</t>
    </rPh>
    <rPh sb="12" eb="14">
      <t>イタク</t>
    </rPh>
    <rPh sb="17" eb="19">
      <t>イッパン</t>
    </rPh>
    <rPh sb="19" eb="22">
      <t>ハイキブツ</t>
    </rPh>
    <rPh sb="22" eb="24">
      <t>シュウシュウ</t>
    </rPh>
    <rPh sb="24" eb="26">
      <t>ウンパン</t>
    </rPh>
    <rPh sb="27" eb="29">
      <t>ショブン</t>
    </rPh>
    <rPh sb="30" eb="32">
      <t>キョカ</t>
    </rPh>
    <rPh sb="32" eb="34">
      <t>ギョウシャ</t>
    </rPh>
    <rPh sb="44" eb="46">
      <t>ギョウシャ</t>
    </rPh>
    <rPh sb="47" eb="49">
      <t>サイセイ</t>
    </rPh>
    <rPh sb="49" eb="51">
      <t>リヨウ</t>
    </rPh>
    <rPh sb="51" eb="53">
      <t>ニンテイ</t>
    </rPh>
    <rPh sb="53" eb="55">
      <t>ギョウシャ</t>
    </rPh>
    <rPh sb="62" eb="64">
      <t>イタク</t>
    </rPh>
    <rPh sb="69" eb="70">
      <t>ギョウ</t>
    </rPh>
    <rPh sb="73" eb="75">
      <t>ショリ</t>
    </rPh>
    <rPh sb="76" eb="77">
      <t>オコナ</t>
    </rPh>
    <rPh sb="96" eb="98">
      <t>ジギョウ</t>
    </rPh>
    <rPh sb="98" eb="100">
      <t>ハンイ</t>
    </rPh>
    <rPh sb="101" eb="102">
      <t>フク</t>
    </rPh>
    <rPh sb="108" eb="110">
      <t>イタク</t>
    </rPh>
    <phoneticPr fontId="2"/>
  </si>
  <si>
    <t>□収集・運搬及び処分を
　許可業者に委託してい
　るか
□許可証の有効期限は
　切れていないか
※市町村が処分している
　場合は、許可は不要</t>
    <rPh sb="1" eb="3">
      <t>シュウシュウ</t>
    </rPh>
    <rPh sb="4" eb="6">
      <t>ウンパン</t>
    </rPh>
    <rPh sb="6" eb="7">
      <t>オヨ</t>
    </rPh>
    <rPh sb="8" eb="10">
      <t>ショブン</t>
    </rPh>
    <rPh sb="13" eb="15">
      <t>キョカ</t>
    </rPh>
    <rPh sb="15" eb="17">
      <t>ギョウシャ</t>
    </rPh>
    <rPh sb="18" eb="20">
      <t>イタク</t>
    </rPh>
    <rPh sb="29" eb="31">
      <t>キョカ</t>
    </rPh>
    <rPh sb="33" eb="35">
      <t>ユウコウ</t>
    </rPh>
    <rPh sb="35" eb="37">
      <t>キゲン</t>
    </rPh>
    <rPh sb="40" eb="41">
      <t>キ</t>
    </rPh>
    <rPh sb="49" eb="52">
      <t>シチョウソン</t>
    </rPh>
    <rPh sb="53" eb="55">
      <t>ショブン</t>
    </rPh>
    <rPh sb="61" eb="63">
      <t>バアイ</t>
    </rPh>
    <rPh sb="65" eb="67">
      <t>キョカ</t>
    </rPh>
    <rPh sb="68" eb="70">
      <t>フヨウ</t>
    </rPh>
    <phoneticPr fontId="2"/>
  </si>
  <si>
    <t>■事業者の処理■
・産業廃棄物の運搬又は処分を委託する場合は、
　処理が適切に行われていることを確認し※、
　最終処分が終了するまで適正処理が行われる
　よう必要な措置を講ずるよう努める
　※処理施設の実地確認、処理状況や施設の維持
　　管理状況等の公開情報の確認 等</t>
    <rPh sb="1" eb="4">
      <t>ジギョウシャ</t>
    </rPh>
    <rPh sb="5" eb="7">
      <t>ショリ</t>
    </rPh>
    <rPh sb="10" eb="12">
      <t>サンギョウ</t>
    </rPh>
    <rPh sb="12" eb="15">
      <t>ハイキブツ</t>
    </rPh>
    <rPh sb="16" eb="18">
      <t>ウンパン</t>
    </rPh>
    <rPh sb="18" eb="19">
      <t>マタ</t>
    </rPh>
    <rPh sb="20" eb="22">
      <t>ショブン</t>
    </rPh>
    <rPh sb="23" eb="25">
      <t>イタク</t>
    </rPh>
    <rPh sb="27" eb="29">
      <t>バアイ</t>
    </rPh>
    <rPh sb="33" eb="35">
      <t>ショリ</t>
    </rPh>
    <rPh sb="36" eb="38">
      <t>テキセツ</t>
    </rPh>
    <rPh sb="39" eb="40">
      <t>オコナ</t>
    </rPh>
    <rPh sb="48" eb="50">
      <t>カクニン</t>
    </rPh>
    <rPh sb="55" eb="57">
      <t>サイシュウ</t>
    </rPh>
    <rPh sb="57" eb="59">
      <t>ショブン</t>
    </rPh>
    <rPh sb="60" eb="62">
      <t>シュウリョウ</t>
    </rPh>
    <rPh sb="66" eb="68">
      <t>テキセイ</t>
    </rPh>
    <rPh sb="68" eb="70">
      <t>ショリ</t>
    </rPh>
    <rPh sb="71" eb="72">
      <t>オコナ</t>
    </rPh>
    <rPh sb="79" eb="81">
      <t>ヒツヨウ</t>
    </rPh>
    <rPh sb="82" eb="84">
      <t>ソチ</t>
    </rPh>
    <rPh sb="85" eb="86">
      <t>コウ</t>
    </rPh>
    <rPh sb="90" eb="91">
      <t>ツト</t>
    </rPh>
    <rPh sb="96" eb="98">
      <t>ショリ</t>
    </rPh>
    <rPh sb="98" eb="100">
      <t>シセツ</t>
    </rPh>
    <rPh sb="101" eb="103">
      <t>ジッチ</t>
    </rPh>
    <rPh sb="103" eb="105">
      <t>カクニン</t>
    </rPh>
    <rPh sb="106" eb="108">
      <t>ショリ</t>
    </rPh>
    <rPh sb="108" eb="110">
      <t>ジョウキョウ</t>
    </rPh>
    <rPh sb="111" eb="113">
      <t>シセツ</t>
    </rPh>
    <rPh sb="114" eb="116">
      <t>イジ</t>
    </rPh>
    <rPh sb="119" eb="121">
      <t>カンリ</t>
    </rPh>
    <rPh sb="121" eb="123">
      <t>ジョウキョウ</t>
    </rPh>
    <rPh sb="123" eb="124">
      <t>トウ</t>
    </rPh>
    <rPh sb="125" eb="127">
      <t>コウカイ</t>
    </rPh>
    <rPh sb="127" eb="129">
      <t>ジョウホウ</t>
    </rPh>
    <rPh sb="130" eb="132">
      <t>カクニン</t>
    </rPh>
    <rPh sb="133" eb="134">
      <t>トウ</t>
    </rPh>
    <phoneticPr fontId="2"/>
  </si>
  <si>
    <t>■契約書の保管■
・委託契約書は、契約終了の日から５年間保存
　する</t>
    <rPh sb="1" eb="3">
      <t>ケイヤク</t>
    </rPh>
    <rPh sb="3" eb="4">
      <t>カ</t>
    </rPh>
    <rPh sb="5" eb="7">
      <t>ホカン</t>
    </rPh>
    <rPh sb="10" eb="12">
      <t>イタク</t>
    </rPh>
    <rPh sb="12" eb="15">
      <t>ケイヤクショ</t>
    </rPh>
    <rPh sb="17" eb="19">
      <t>ケイヤク</t>
    </rPh>
    <rPh sb="19" eb="21">
      <t>シュウリョウ</t>
    </rPh>
    <rPh sb="22" eb="23">
      <t>ヒ</t>
    </rPh>
    <rPh sb="26" eb="28">
      <t>ネンカン</t>
    </rPh>
    <rPh sb="28" eb="30">
      <t>ホゾン</t>
    </rPh>
    <phoneticPr fontId="2"/>
  </si>
  <si>
    <t>□契約が終了した契約書
　も契約終了日から５年
　間保存されているか</t>
    <rPh sb="1" eb="3">
      <t>ケイヤク</t>
    </rPh>
    <rPh sb="4" eb="6">
      <t>シュウリョウ</t>
    </rPh>
    <rPh sb="8" eb="11">
      <t>ケイヤクショ</t>
    </rPh>
    <rPh sb="14" eb="16">
      <t>ケイヤク</t>
    </rPh>
    <rPh sb="16" eb="18">
      <t>シュウリョウ</t>
    </rPh>
    <rPh sb="18" eb="19">
      <t>ヒ</t>
    </rPh>
    <rPh sb="22" eb="23">
      <t>ネン</t>
    </rPh>
    <rPh sb="25" eb="26">
      <t>アイダ</t>
    </rPh>
    <rPh sb="26" eb="28">
      <t>ホゾン</t>
    </rPh>
    <phoneticPr fontId="2"/>
  </si>
  <si>
    <t>□特別管理産業廃棄物
　保管基準に従い保管
　しているか
□他の廃棄物と区分して
　保管されているか</t>
    <rPh sb="1" eb="3">
      <t>トクベツ</t>
    </rPh>
    <rPh sb="3" eb="5">
      <t>カンリ</t>
    </rPh>
    <rPh sb="31" eb="32">
      <t>ホカ</t>
    </rPh>
    <rPh sb="33" eb="36">
      <t>ハイキブツ</t>
    </rPh>
    <rPh sb="37" eb="39">
      <t>クブン</t>
    </rPh>
    <rPh sb="43" eb="45">
      <t>ホカン</t>
    </rPh>
    <phoneticPr fontId="2"/>
  </si>
  <si>
    <t>■運搬・処分委託■
・知事等から許可を受けた収集・運搬業者及び
　処分業者とそれぞれ直接契約を行う
 （別々の業者の場合は、契約書が２通必要）
　※許可証の有効期限が切れていないことを確認
　　する</t>
    <rPh sb="1" eb="3">
      <t>ウンパン</t>
    </rPh>
    <rPh sb="4" eb="6">
      <t>ショブン</t>
    </rPh>
    <rPh sb="6" eb="8">
      <t>イタク</t>
    </rPh>
    <rPh sb="11" eb="14">
      <t>チジトウ</t>
    </rPh>
    <rPh sb="16" eb="18">
      <t>キョカ</t>
    </rPh>
    <rPh sb="19" eb="20">
      <t>ウ</t>
    </rPh>
    <rPh sb="22" eb="24">
      <t>シュウシュウ</t>
    </rPh>
    <rPh sb="25" eb="27">
      <t>ウンパン</t>
    </rPh>
    <rPh sb="27" eb="29">
      <t>ギョウシャ</t>
    </rPh>
    <rPh sb="29" eb="30">
      <t>オヨ</t>
    </rPh>
    <rPh sb="33" eb="35">
      <t>ショブン</t>
    </rPh>
    <rPh sb="35" eb="37">
      <t>ギョウシャ</t>
    </rPh>
    <rPh sb="42" eb="44">
      <t>チョクセツ</t>
    </rPh>
    <rPh sb="44" eb="46">
      <t>ケイヤク</t>
    </rPh>
    <rPh sb="47" eb="48">
      <t>オコナ</t>
    </rPh>
    <rPh sb="52" eb="54">
      <t>ベツベツ</t>
    </rPh>
    <rPh sb="55" eb="57">
      <t>ギョウシャ</t>
    </rPh>
    <rPh sb="58" eb="60">
      <t>バアイ</t>
    </rPh>
    <rPh sb="62" eb="65">
      <t>ケイヤクショ</t>
    </rPh>
    <rPh sb="67" eb="68">
      <t>ツウ</t>
    </rPh>
    <rPh sb="68" eb="70">
      <t>ヒツヨウ</t>
    </rPh>
    <rPh sb="74" eb="77">
      <t>キョカショウ</t>
    </rPh>
    <rPh sb="78" eb="80">
      <t>ユウコウ</t>
    </rPh>
    <rPh sb="80" eb="82">
      <t>キゲン</t>
    </rPh>
    <rPh sb="83" eb="84">
      <t>キ</t>
    </rPh>
    <rPh sb="92" eb="94">
      <t>カクニン</t>
    </rPh>
    <phoneticPr fontId="2"/>
  </si>
  <si>
    <t>□知事等から許可を受け
　た業者と委託契約を結
　んでいるか</t>
    <rPh sb="1" eb="3">
      <t>チジ</t>
    </rPh>
    <rPh sb="3" eb="4">
      <t>トウ</t>
    </rPh>
    <rPh sb="6" eb="8">
      <t>キョカ</t>
    </rPh>
    <rPh sb="9" eb="10">
      <t>ウ</t>
    </rPh>
    <rPh sb="14" eb="16">
      <t>ギョウシャ</t>
    </rPh>
    <rPh sb="17" eb="19">
      <t>イタク</t>
    </rPh>
    <rPh sb="19" eb="21">
      <t>ケイヤク</t>
    </rPh>
    <rPh sb="22" eb="23">
      <t>ムス</t>
    </rPh>
    <phoneticPr fontId="2"/>
  </si>
  <si>
    <t>■責任者の設置■
・Ｋ８の17で規定する資格を有する特別管理産業
　廃棄物管理責任者を置く</t>
    <rPh sb="1" eb="4">
      <t>セキニンシャ</t>
    </rPh>
    <rPh sb="5" eb="7">
      <t>セッチ</t>
    </rPh>
    <rPh sb="16" eb="18">
      <t>キテイ</t>
    </rPh>
    <rPh sb="20" eb="22">
      <t>シカク</t>
    </rPh>
    <rPh sb="23" eb="24">
      <t>ユウ</t>
    </rPh>
    <rPh sb="26" eb="28">
      <t>トクベツ</t>
    </rPh>
    <rPh sb="28" eb="30">
      <t>カンリ</t>
    </rPh>
    <rPh sb="30" eb="32">
      <t>サンギョウ</t>
    </rPh>
    <rPh sb="34" eb="37">
      <t>ハイキブツ</t>
    </rPh>
    <rPh sb="37" eb="39">
      <t>カンリ</t>
    </rPh>
    <rPh sb="39" eb="41">
      <t>セキニン</t>
    </rPh>
    <rPh sb="41" eb="42">
      <t>シャ</t>
    </rPh>
    <rPh sb="43" eb="44">
      <t>オ</t>
    </rPh>
    <phoneticPr fontId="2"/>
  </si>
  <si>
    <t>□特別管理産業廃棄物
　管理責任者を設置し
　ているか（出来る限り
　異動等による責任者不
　在の状況がないように
　配慮しているか）</t>
    <rPh sb="1" eb="3">
      <t>トクベツ</t>
    </rPh>
    <rPh sb="3" eb="5">
      <t>カンリ</t>
    </rPh>
    <rPh sb="5" eb="7">
      <t>サンギョウ</t>
    </rPh>
    <rPh sb="7" eb="10">
      <t>ハイキブツ</t>
    </rPh>
    <rPh sb="12" eb="14">
      <t>カンリ</t>
    </rPh>
    <rPh sb="14" eb="16">
      <t>セキニン</t>
    </rPh>
    <rPh sb="16" eb="17">
      <t>シャ</t>
    </rPh>
    <rPh sb="18" eb="20">
      <t>セッチ</t>
    </rPh>
    <rPh sb="28" eb="30">
      <t>デキ</t>
    </rPh>
    <rPh sb="31" eb="32">
      <t>カギ</t>
    </rPh>
    <rPh sb="35" eb="37">
      <t>イドウ</t>
    </rPh>
    <rPh sb="37" eb="38">
      <t>トウ</t>
    </rPh>
    <rPh sb="41" eb="44">
      <t>セキニンシャ</t>
    </rPh>
    <rPh sb="44" eb="45">
      <t>フ</t>
    </rPh>
    <rPh sb="47" eb="48">
      <t>ザイ</t>
    </rPh>
    <rPh sb="49" eb="51">
      <t>ジョウキョウ</t>
    </rPh>
    <rPh sb="59" eb="61">
      <t>ハイリョ</t>
    </rPh>
    <phoneticPr fontId="2"/>
  </si>
  <si>
    <t>産業廃棄物の処理委託に係る委託契約書の不備（委託契約書が無い・法定記載事項が記載されていない 等 ）</t>
    <rPh sb="0" eb="2">
      <t>サンギョウ</t>
    </rPh>
    <rPh sb="2" eb="4">
      <t>ハイキ</t>
    </rPh>
    <rPh sb="4" eb="5">
      <t>ブツ</t>
    </rPh>
    <rPh sb="6" eb="8">
      <t>ショリ</t>
    </rPh>
    <rPh sb="8" eb="10">
      <t>イタク</t>
    </rPh>
    <rPh sb="11" eb="12">
      <t>カカ</t>
    </rPh>
    <rPh sb="13" eb="15">
      <t>イタク</t>
    </rPh>
    <rPh sb="15" eb="17">
      <t>ケイヤク</t>
    </rPh>
    <rPh sb="17" eb="18">
      <t>ショ</t>
    </rPh>
    <rPh sb="19" eb="21">
      <t>フビ</t>
    </rPh>
    <rPh sb="22" eb="24">
      <t>イタク</t>
    </rPh>
    <rPh sb="24" eb="26">
      <t>ケイヤク</t>
    </rPh>
    <rPh sb="26" eb="27">
      <t>カ</t>
    </rPh>
    <rPh sb="28" eb="29">
      <t>ナ</t>
    </rPh>
    <rPh sb="31" eb="33">
      <t>ホウテイ</t>
    </rPh>
    <rPh sb="33" eb="35">
      <t>キサイ</t>
    </rPh>
    <rPh sb="35" eb="37">
      <t>ジコウ</t>
    </rPh>
    <rPh sb="38" eb="40">
      <t>キサイ</t>
    </rPh>
    <rPh sb="47" eb="48">
      <t>トウ</t>
    </rPh>
    <phoneticPr fontId="2"/>
  </si>
  <si>
    <r>
      <t xml:space="preserve">産業廃棄物の保管場所表示の不備
</t>
    </r>
    <r>
      <rPr>
        <sz val="9"/>
        <color theme="1"/>
        <rFont val="ＭＳ 明朝"/>
        <family val="1"/>
        <charset val="128"/>
      </rPr>
      <t>（掲示板が設置されていない・掲示板の記載内容及びサイズが要件を満たしていない 等 ）</t>
    </r>
    <rPh sb="0" eb="2">
      <t>サンギョウ</t>
    </rPh>
    <rPh sb="2" eb="5">
      <t>ハイキブツ</t>
    </rPh>
    <rPh sb="6" eb="8">
      <t>ホカン</t>
    </rPh>
    <rPh sb="8" eb="10">
      <t>バショ</t>
    </rPh>
    <rPh sb="10" eb="12">
      <t>ヒョウジ</t>
    </rPh>
    <rPh sb="13" eb="15">
      <t>フビ</t>
    </rPh>
    <rPh sb="17" eb="20">
      <t>ケイジバン</t>
    </rPh>
    <rPh sb="21" eb="23">
      <t>セッチ</t>
    </rPh>
    <rPh sb="30" eb="33">
      <t>ケイジバン</t>
    </rPh>
    <rPh sb="34" eb="36">
      <t>キサイ</t>
    </rPh>
    <rPh sb="36" eb="38">
      <t>ナイヨウ</t>
    </rPh>
    <rPh sb="38" eb="39">
      <t>オヨ</t>
    </rPh>
    <rPh sb="44" eb="46">
      <t>ヨウケン</t>
    </rPh>
    <rPh sb="47" eb="48">
      <t>ミ</t>
    </rPh>
    <rPh sb="55" eb="56">
      <t>トウ</t>
    </rPh>
    <phoneticPr fontId="2"/>
  </si>
  <si>
    <t>マニフェストの記載・管理の不備
（法定記載事項が記載されていない・Ａ票の照合確認欄にＢ2・Ｄ・Ｅ票の返却年月日の記入がない 等 ）</t>
    <rPh sb="7" eb="9">
      <t>キサイ</t>
    </rPh>
    <rPh sb="10" eb="12">
      <t>カンリ</t>
    </rPh>
    <rPh sb="13" eb="15">
      <t>フビ</t>
    </rPh>
    <rPh sb="34" eb="35">
      <t>ヒョウ</t>
    </rPh>
    <rPh sb="36" eb="38">
      <t>ショウゴウ</t>
    </rPh>
    <rPh sb="38" eb="40">
      <t>カクニン</t>
    </rPh>
    <rPh sb="40" eb="41">
      <t>ラン</t>
    </rPh>
    <rPh sb="50" eb="52">
      <t>ヘンキャク</t>
    </rPh>
    <rPh sb="52" eb="55">
      <t>ネンガッピ</t>
    </rPh>
    <rPh sb="56" eb="58">
      <t>キニュウ</t>
    </rPh>
    <phoneticPr fontId="2"/>
  </si>
  <si>
    <t>■収集・運搬／処分の委託基準■
・知事等から許可を受けた特別管理産業廃棄物
　収集運搬業者、特別管理産業廃棄物処分業者と
　それぞれ直接契約を行う
　（別々の業者の場合は、契約書が２通必要）
　※許可証の有効期限が切れていないことを確認
　　する
・あらかじめ特別管理産業廃棄物の種類、数量、
　性状、注意事項等を文書で通知する</t>
    <rPh sb="1" eb="3">
      <t>シュウシュウ</t>
    </rPh>
    <rPh sb="4" eb="6">
      <t>ウンパン</t>
    </rPh>
    <rPh sb="7" eb="9">
      <t>ショブン</t>
    </rPh>
    <rPh sb="10" eb="12">
      <t>イタク</t>
    </rPh>
    <rPh sb="12" eb="14">
      <t>キジュン</t>
    </rPh>
    <rPh sb="17" eb="20">
      <t>チジトウ</t>
    </rPh>
    <rPh sb="22" eb="24">
      <t>キョカ</t>
    </rPh>
    <rPh sb="25" eb="26">
      <t>ウ</t>
    </rPh>
    <rPh sb="98" eb="101">
      <t>キョカショウ</t>
    </rPh>
    <rPh sb="102" eb="104">
      <t>ユウコウ</t>
    </rPh>
    <rPh sb="104" eb="106">
      <t>キゲン</t>
    </rPh>
    <rPh sb="107" eb="108">
      <t>キ</t>
    </rPh>
    <rPh sb="116" eb="118">
      <t>カクニン</t>
    </rPh>
    <rPh sb="130" eb="132">
      <t>トクベツ</t>
    </rPh>
    <rPh sb="132" eb="134">
      <t>カンリ</t>
    </rPh>
    <rPh sb="134" eb="136">
      <t>サンギョウ</t>
    </rPh>
    <rPh sb="136" eb="139">
      <t>ハイキブツ</t>
    </rPh>
    <rPh sb="140" eb="142">
      <t>シュルイ</t>
    </rPh>
    <rPh sb="143" eb="145">
      <t>スウリョウ</t>
    </rPh>
    <phoneticPr fontId="2"/>
  </si>
  <si>
    <r>
      <t>産業廃棄物（★）を排出する場合は、廃棄物の処理及び清掃に関する法律の以下の条項が適用されます。
　★　廃棄物の処理及び清掃に関する法律第２条、法施行令第２条で規定
　　 （</t>
    </r>
    <r>
      <rPr>
        <sz val="8"/>
        <color theme="1"/>
        <rFont val="ＭＳ 明朝"/>
        <family val="1"/>
        <charset val="128"/>
      </rPr>
      <t>事業活動に伴って生じた廃棄物のうち、燃え殻、汚泥、廃油、廃プラスチック類等の廃棄物）</t>
    </r>
    <rPh sb="0" eb="2">
      <t>サンギョウ</t>
    </rPh>
    <rPh sb="2" eb="4">
      <t>ハイキ</t>
    </rPh>
    <rPh sb="4" eb="5">
      <t>ブツ</t>
    </rPh>
    <rPh sb="9" eb="11">
      <t>ハイシュツ</t>
    </rPh>
    <rPh sb="13" eb="15">
      <t>バアイ</t>
    </rPh>
    <rPh sb="17" eb="20">
      <t>ハイキブツ</t>
    </rPh>
    <rPh sb="34" eb="36">
      <t>イカ</t>
    </rPh>
    <rPh sb="40" eb="42">
      <t>テキヨウ</t>
    </rPh>
    <rPh sb="67" eb="68">
      <t>ダイ</t>
    </rPh>
    <rPh sb="69" eb="70">
      <t>ジョウ</t>
    </rPh>
    <rPh sb="71" eb="72">
      <t>ホウ</t>
    </rPh>
    <rPh sb="72" eb="74">
      <t>セコウ</t>
    </rPh>
    <rPh sb="74" eb="75">
      <t>レイ</t>
    </rPh>
    <rPh sb="75" eb="76">
      <t>ダイ</t>
    </rPh>
    <rPh sb="77" eb="78">
      <t>ジョウ</t>
    </rPh>
    <rPh sb="79" eb="81">
      <t>キテイ</t>
    </rPh>
    <phoneticPr fontId="2"/>
  </si>
  <si>
    <t>■市町村の火災予防条例による規定■
※指定数量未満の危険物などは、市町村の火災
　予防条例に該当する場合があるため、所管の
　消防署に確認のうえ、チェックリストに記載</t>
    <rPh sb="14" eb="16">
      <t>キテイ</t>
    </rPh>
    <rPh sb="19" eb="21">
      <t>シテイ</t>
    </rPh>
    <rPh sb="21" eb="23">
      <t>スウリョウ</t>
    </rPh>
    <rPh sb="23" eb="25">
      <t>ミマン</t>
    </rPh>
    <rPh sb="26" eb="29">
      <t>キケンブツ</t>
    </rPh>
    <rPh sb="33" eb="36">
      <t>シチョウソン</t>
    </rPh>
    <rPh sb="37" eb="39">
      <t>カサイ</t>
    </rPh>
    <rPh sb="41" eb="43">
      <t>ヨボウ</t>
    </rPh>
    <rPh sb="43" eb="45">
      <t>ジョウレイ</t>
    </rPh>
    <rPh sb="46" eb="48">
      <t>ガイトウ</t>
    </rPh>
    <rPh sb="50" eb="52">
      <t>バアイ</t>
    </rPh>
    <rPh sb="58" eb="60">
      <t>ショカン</t>
    </rPh>
    <rPh sb="63" eb="64">
      <t>ショウ</t>
    </rPh>
    <rPh sb="64" eb="65">
      <t>ボウ</t>
    </rPh>
    <rPh sb="65" eb="66">
      <t>ショ</t>
    </rPh>
    <rPh sb="67" eb="69">
      <t>カクニン</t>
    </rPh>
    <rPh sb="81" eb="83">
      <t>キサイ</t>
    </rPh>
    <phoneticPr fontId="2"/>
  </si>
  <si>
    <t>Ｅ2</t>
    <phoneticPr fontId="2"/>
  </si>
  <si>
    <t>Ｅ4</t>
    <phoneticPr fontId="2"/>
  </si>
  <si>
    <t>Ｊ８</t>
    <phoneticPr fontId="2"/>
  </si>
  <si>
    <t>■変更届の提出■
・指定事業所の業種その他規則で定める軽微な変
　更等をしたときは、30日以内に知事に届出を行
　う</t>
    <rPh sb="1" eb="3">
      <t>ヘンコウ</t>
    </rPh>
    <rPh sb="3" eb="4">
      <t>トド</t>
    </rPh>
    <rPh sb="5" eb="7">
      <t>テイシュツ</t>
    </rPh>
    <rPh sb="10" eb="12">
      <t>シテイ</t>
    </rPh>
    <rPh sb="12" eb="14">
      <t>ジギョウ</t>
    </rPh>
    <rPh sb="14" eb="15">
      <t>ショ</t>
    </rPh>
    <rPh sb="16" eb="18">
      <t>ギョウシュ</t>
    </rPh>
    <rPh sb="20" eb="21">
      <t>タ</t>
    </rPh>
    <rPh sb="21" eb="23">
      <t>キソク</t>
    </rPh>
    <rPh sb="24" eb="25">
      <t>サダ</t>
    </rPh>
    <rPh sb="27" eb="29">
      <t>ケイビ</t>
    </rPh>
    <rPh sb="33" eb="34">
      <t>サラ</t>
    </rPh>
    <rPh sb="34" eb="35">
      <t>トウ</t>
    </rPh>
    <rPh sb="44" eb="45">
      <t>ヒ</t>
    </rPh>
    <rPh sb="45" eb="47">
      <t>イナイ</t>
    </rPh>
    <rPh sb="48" eb="50">
      <t>チジ</t>
    </rPh>
    <rPh sb="51" eb="53">
      <t>トドケデ</t>
    </rPh>
    <rPh sb="54" eb="55">
      <t>オコナ</t>
    </rPh>
    <phoneticPr fontId="2"/>
  </si>
  <si>
    <t>□設置時の届出等を確認
　→新設・変更の有無
　　を確認
　→変更許可申請を確認</t>
    <rPh sb="1" eb="3">
      <t>セッチ</t>
    </rPh>
    <rPh sb="3" eb="4">
      <t>ジ</t>
    </rPh>
    <rPh sb="5" eb="7">
      <t>トドケデ</t>
    </rPh>
    <rPh sb="7" eb="8">
      <t>トウ</t>
    </rPh>
    <rPh sb="9" eb="11">
      <t>カクニン</t>
    </rPh>
    <rPh sb="14" eb="16">
      <t>シンセツ</t>
    </rPh>
    <rPh sb="17" eb="19">
      <t>ヘンコウ</t>
    </rPh>
    <rPh sb="20" eb="21">
      <t>ユウ</t>
    </rPh>
    <rPh sb="21" eb="22">
      <t>ム</t>
    </rPh>
    <rPh sb="26" eb="28">
      <t>カクニン</t>
    </rPh>
    <rPh sb="31" eb="33">
      <t>ヘンコウ</t>
    </rPh>
    <rPh sb="33" eb="35">
      <t>キョカ</t>
    </rPh>
    <rPh sb="35" eb="37">
      <t>シンセイ</t>
    </rPh>
    <rPh sb="38" eb="40">
      <t>カクニン</t>
    </rPh>
    <phoneticPr fontId="2"/>
  </si>
  <si>
    <t>□設置時の届出等を確認
　→変更の有無を確認
　→変更届出書を確認</t>
    <rPh sb="1" eb="3">
      <t>セッチ</t>
    </rPh>
    <rPh sb="3" eb="4">
      <t>ジ</t>
    </rPh>
    <rPh sb="5" eb="7">
      <t>トドケデ</t>
    </rPh>
    <rPh sb="7" eb="8">
      <t>トウ</t>
    </rPh>
    <rPh sb="9" eb="11">
      <t>カクニン</t>
    </rPh>
    <rPh sb="14" eb="16">
      <t>ヘンコウ</t>
    </rPh>
    <rPh sb="17" eb="18">
      <t>ユウ</t>
    </rPh>
    <rPh sb="18" eb="19">
      <t>ム</t>
    </rPh>
    <rPh sb="20" eb="22">
      <t>カクニン</t>
    </rPh>
    <rPh sb="25" eb="27">
      <t>ヘンコウ</t>
    </rPh>
    <rPh sb="27" eb="29">
      <t>トドケデ</t>
    </rPh>
    <rPh sb="29" eb="30">
      <t>ショ</t>
    </rPh>
    <rPh sb="31" eb="33">
      <t>カクニン</t>
    </rPh>
    <phoneticPr fontId="2"/>
  </si>
  <si>
    <t>■変更の許可■
・指定施設の種類や規模など、人の健康又は生活
　環境の保全への影響が増大する可能性がある変
　更については、事前に知事の許可を得る</t>
    <rPh sb="1" eb="3">
      <t>ヘンコウ</t>
    </rPh>
    <rPh sb="4" eb="6">
      <t>キョカ</t>
    </rPh>
    <rPh sb="9" eb="11">
      <t>シテイ</t>
    </rPh>
    <rPh sb="11" eb="13">
      <t>シセツ</t>
    </rPh>
    <rPh sb="14" eb="16">
      <t>シュルイ</t>
    </rPh>
    <rPh sb="17" eb="19">
      <t>キボ</t>
    </rPh>
    <rPh sb="22" eb="23">
      <t>ヒト</t>
    </rPh>
    <rPh sb="24" eb="26">
      <t>ケンコウ</t>
    </rPh>
    <rPh sb="26" eb="27">
      <t>マタ</t>
    </rPh>
    <rPh sb="28" eb="30">
      <t>セイカツ</t>
    </rPh>
    <rPh sb="32" eb="34">
      <t>カンキョウ</t>
    </rPh>
    <rPh sb="35" eb="37">
      <t>ホゼン</t>
    </rPh>
    <rPh sb="39" eb="41">
      <t>エイキョウ</t>
    </rPh>
    <rPh sb="42" eb="44">
      <t>ゾウダイ</t>
    </rPh>
    <rPh sb="46" eb="49">
      <t>カノウセイ</t>
    </rPh>
    <rPh sb="52" eb="53">
      <t>ヘン</t>
    </rPh>
    <rPh sb="55" eb="56">
      <t>サラ</t>
    </rPh>
    <rPh sb="62" eb="64">
      <t>ジゼン</t>
    </rPh>
    <rPh sb="65" eb="67">
      <t>チジ</t>
    </rPh>
    <rPh sb="68" eb="70">
      <t>キョカ</t>
    </rPh>
    <rPh sb="71" eb="72">
      <t>エ</t>
    </rPh>
    <phoneticPr fontId="2"/>
  </si>
  <si>
    <t>■契約書の添付書類
・契約書には、許可証の写しを添付する</t>
    <rPh sb="1" eb="4">
      <t>ケイヤクショ</t>
    </rPh>
    <rPh sb="5" eb="7">
      <t>テンプ</t>
    </rPh>
    <rPh sb="7" eb="9">
      <t>ショルイ</t>
    </rPh>
    <rPh sb="11" eb="14">
      <t>ケイヤクショ</t>
    </rPh>
    <rPh sb="17" eb="20">
      <t>キョカショウ</t>
    </rPh>
    <rPh sb="21" eb="22">
      <t>ウツ</t>
    </rPh>
    <rPh sb="24" eb="26">
      <t>テンプ</t>
    </rPh>
    <phoneticPr fontId="2"/>
  </si>
  <si>
    <t>□契約書には、有効期限
　内の許可証の写しが添
　付されているか（添付
　されていない場合、期
　限が切れている場合は
　直ちに取り寄せる）</t>
    <rPh sb="1" eb="4">
      <t>ケイヤクショ</t>
    </rPh>
    <rPh sb="7" eb="9">
      <t>ユウコウ</t>
    </rPh>
    <rPh sb="9" eb="11">
      <t>キゲン</t>
    </rPh>
    <rPh sb="13" eb="14">
      <t>ナイ</t>
    </rPh>
    <rPh sb="15" eb="18">
      <t>キョカショウ</t>
    </rPh>
    <rPh sb="19" eb="20">
      <t>ウツ</t>
    </rPh>
    <rPh sb="22" eb="23">
      <t>ソウ</t>
    </rPh>
    <rPh sb="25" eb="26">
      <t>フ</t>
    </rPh>
    <rPh sb="33" eb="35">
      <t>テンプ</t>
    </rPh>
    <rPh sb="43" eb="45">
      <t>バアイ</t>
    </rPh>
    <rPh sb="46" eb="47">
      <t>キ</t>
    </rPh>
    <rPh sb="49" eb="50">
      <t>キリ</t>
    </rPh>
    <rPh sb="51" eb="52">
      <t>キ</t>
    </rPh>
    <rPh sb="56" eb="57">
      <t>バ</t>
    </rPh>
    <rPh sb="57" eb="58">
      <t>ゴウ</t>
    </rPh>
    <rPh sb="61" eb="62">
      <t>タダ</t>
    </rPh>
    <rPh sb="64" eb="65">
      <t>ト</t>
    </rPh>
    <rPh sb="66" eb="67">
      <t>ヨ</t>
    </rPh>
    <phoneticPr fontId="2"/>
  </si>
  <si>
    <t>□前年度のマニフェスト
　交付状況を知事等へ提
　出したか（提出期限：
　毎年６月30日まで）</t>
    <rPh sb="20" eb="21">
      <t>トウ</t>
    </rPh>
    <phoneticPr fontId="2"/>
  </si>
  <si>
    <t>□廃棄物処理業者から処
　理困難通知を受けた実
　績はあるか（知事等へ
　報告したか）</t>
    <rPh sb="33" eb="34">
      <t>トウ</t>
    </rPh>
    <phoneticPr fontId="2"/>
  </si>
  <si>
    <t>□産業廃棄物の種類ごと
　運搬先ごとに、マニ
　フェストを交付したか
□マニフェストの法定記
　載事項に漏れはないか</t>
    <rPh sb="1" eb="3">
      <t>サンギョウ</t>
    </rPh>
    <rPh sb="3" eb="6">
      <t>ハイキブツ</t>
    </rPh>
    <rPh sb="7" eb="9">
      <t>シュルイ</t>
    </rPh>
    <rPh sb="13" eb="15">
      <t>ウンパン</t>
    </rPh>
    <rPh sb="15" eb="16">
      <t>サキ</t>
    </rPh>
    <rPh sb="29" eb="31">
      <t>コウフ</t>
    </rPh>
    <phoneticPr fontId="2"/>
  </si>
  <si>
    <t>□知事等から許可を受け
　た業者と委託契約を結
　んでいるか
□許可証の有効期限は
　切れていないか</t>
    <rPh sb="1" eb="4">
      <t>チジトウ</t>
    </rPh>
    <rPh sb="6" eb="8">
      <t>キョカ</t>
    </rPh>
    <rPh sb="9" eb="10">
      <t>ウ</t>
    </rPh>
    <rPh sb="14" eb="16">
      <t>ギョウシャ</t>
    </rPh>
    <rPh sb="17" eb="19">
      <t>イタク</t>
    </rPh>
    <rPh sb="19" eb="21">
      <t>ケイヤク</t>
    </rPh>
    <rPh sb="22" eb="23">
      <t>ムス</t>
    </rPh>
    <phoneticPr fontId="2"/>
  </si>
  <si>
    <t>■産業廃棄物の保管■
・産業廃棄物が運搬されるまでの間、技術上の
　基準（産業廃棄物保管基準★）に従い保管する</t>
    <rPh sb="1" eb="3">
      <t>サンギョウ</t>
    </rPh>
    <rPh sb="3" eb="6">
      <t>ハイキブツ</t>
    </rPh>
    <rPh sb="7" eb="9">
      <t>ホカン</t>
    </rPh>
    <rPh sb="12" eb="14">
      <t>サンギョウ</t>
    </rPh>
    <rPh sb="14" eb="17">
      <t>ハイキブツ</t>
    </rPh>
    <rPh sb="18" eb="20">
      <t>ウンパン</t>
    </rPh>
    <rPh sb="26" eb="27">
      <t>アイダ</t>
    </rPh>
    <rPh sb="28" eb="30">
      <t>ギジュツ</t>
    </rPh>
    <rPh sb="30" eb="31">
      <t>ジョウ</t>
    </rPh>
    <rPh sb="34" eb="36">
      <t>キジュン</t>
    </rPh>
    <rPh sb="37" eb="39">
      <t>サンギョウ</t>
    </rPh>
    <rPh sb="39" eb="42">
      <t>ハイキブツ</t>
    </rPh>
    <rPh sb="42" eb="44">
      <t>ホカン</t>
    </rPh>
    <rPh sb="44" eb="46">
      <t>キジュン</t>
    </rPh>
    <rPh sb="49" eb="50">
      <t>シタガ</t>
    </rPh>
    <rPh sb="51" eb="53">
      <t>ホカン</t>
    </rPh>
    <phoneticPr fontId="2"/>
  </si>
  <si>
    <t>□産業廃棄物保管基準に
　従い保管しているか</t>
    <rPh sb="1" eb="3">
      <t>サンギョウ</t>
    </rPh>
    <rPh sb="3" eb="6">
      <t>ハイキブツ</t>
    </rPh>
    <rPh sb="6" eb="8">
      <t>ホカン</t>
    </rPh>
    <rPh sb="8" eb="10">
      <t>キジュン</t>
    </rPh>
    <rPh sb="13" eb="14">
      <t>シタガ</t>
    </rPh>
    <rPh sb="15" eb="17">
      <t>ホカン</t>
    </rPh>
    <phoneticPr fontId="2"/>
  </si>
  <si>
    <t>□保管場所の掲示板は、
　60cm×60cm以上か
□掲示板に記載された
　内容は正しいか
（管理者や廃棄物の種類
  等が変更された場合、
  掲示板の記載も変更さ
  れているか）</t>
    <rPh sb="1" eb="3">
      <t>ホカン</t>
    </rPh>
    <rPh sb="3" eb="5">
      <t>バショ</t>
    </rPh>
    <rPh sb="6" eb="9">
      <t>ケイジバン</t>
    </rPh>
    <rPh sb="28" eb="31">
      <t>ケイジバン</t>
    </rPh>
    <rPh sb="32" eb="34">
      <t>キサイ</t>
    </rPh>
    <rPh sb="39" eb="41">
      <t>ナイヨウ</t>
    </rPh>
    <rPh sb="42" eb="43">
      <t>タダ</t>
    </rPh>
    <rPh sb="48" eb="51">
      <t>カンリシャ</t>
    </rPh>
    <rPh sb="52" eb="55">
      <t>ハイキブツ</t>
    </rPh>
    <rPh sb="61" eb="62">
      <t>トウ</t>
    </rPh>
    <rPh sb="63" eb="65">
      <t>ヘンコウ</t>
    </rPh>
    <rPh sb="68" eb="70">
      <t>バアイ</t>
    </rPh>
    <rPh sb="74" eb="77">
      <t>ケイジバン</t>
    </rPh>
    <rPh sb="78" eb="80">
      <t>キサイ</t>
    </rPh>
    <rPh sb="81" eb="83">
      <t>ヘンコウ</t>
    </rPh>
    <phoneticPr fontId="2"/>
  </si>
  <si>
    <t>マニフェストの交付状況報告の未実施（※知事等への提出期限：毎年６月30日まで）</t>
    <rPh sb="7" eb="9">
      <t>コウフ</t>
    </rPh>
    <rPh sb="9" eb="11">
      <t>ジョウキョウ</t>
    </rPh>
    <rPh sb="11" eb="13">
      <t>ホウコク</t>
    </rPh>
    <rPh sb="14" eb="17">
      <t>ミジッシ</t>
    </rPh>
    <rPh sb="19" eb="21">
      <t>チジ</t>
    </rPh>
    <rPh sb="21" eb="22">
      <t>トウ</t>
    </rPh>
    <phoneticPr fontId="2"/>
  </si>
  <si>
    <t>このチェックリストは、日常の業務において順守すべき内容を理解しやすいように、法令の条文をそのまま転記するのではなく、関係があると考えられる内容を要約し、一般的な表現を用いて作成しています。
従って、法令の内容を厳密に理解する必要がある場合は、条文を参照し、所管官庁等に確認するなどの対応をお願いします。</t>
    <rPh sb="11" eb="13">
      <t>ニチジョウ</t>
    </rPh>
    <rPh sb="14" eb="16">
      <t>ギョウム</t>
    </rPh>
    <rPh sb="20" eb="22">
      <t>ジュンシュ</t>
    </rPh>
    <rPh sb="25" eb="27">
      <t>ナイヨウ</t>
    </rPh>
    <rPh sb="28" eb="30">
      <t>リカイ</t>
    </rPh>
    <rPh sb="38" eb="40">
      <t>ホウレイ</t>
    </rPh>
    <rPh sb="41" eb="43">
      <t>ジョウブン</t>
    </rPh>
    <rPh sb="48" eb="50">
      <t>テンキ</t>
    </rPh>
    <rPh sb="58" eb="60">
      <t>カンケイ</t>
    </rPh>
    <rPh sb="64" eb="65">
      <t>カンガ</t>
    </rPh>
    <rPh sb="69" eb="71">
      <t>ナイヨウ</t>
    </rPh>
    <rPh sb="72" eb="74">
      <t>ヨウヤク</t>
    </rPh>
    <rPh sb="80" eb="82">
      <t>ヒョウゲン</t>
    </rPh>
    <rPh sb="83" eb="84">
      <t>モチ</t>
    </rPh>
    <rPh sb="86" eb="88">
      <t>サクセイ</t>
    </rPh>
    <rPh sb="95" eb="96">
      <t>シタガ</t>
    </rPh>
    <rPh sb="99" eb="101">
      <t>ホウレイ</t>
    </rPh>
    <rPh sb="102" eb="104">
      <t>ナイヨウ</t>
    </rPh>
    <rPh sb="105" eb="107">
      <t>ゲンミツ</t>
    </rPh>
    <rPh sb="108" eb="110">
      <t>リカイ</t>
    </rPh>
    <rPh sb="112" eb="114">
      <t>ヒツヨウ</t>
    </rPh>
    <rPh sb="117" eb="119">
      <t>バアイ</t>
    </rPh>
    <rPh sb="121" eb="123">
      <t>ジョウブン</t>
    </rPh>
    <rPh sb="124" eb="126">
      <t>サンショウ</t>
    </rPh>
    <rPh sb="128" eb="130">
      <t>ショカン</t>
    </rPh>
    <rPh sb="130" eb="132">
      <t>カンチョウ</t>
    </rPh>
    <rPh sb="132" eb="133">
      <t>トウ</t>
    </rPh>
    <rPh sb="134" eb="136">
      <t>カクニン</t>
    </rPh>
    <rPh sb="141" eb="143">
      <t>タイオウ</t>
    </rPh>
    <rPh sb="145" eb="146">
      <t>ネガ</t>
    </rPh>
    <phoneticPr fontId="2"/>
  </si>
  <si>
    <t>本チェックリストは、最新の法令改正を反映するほか、より使いやすいものとするため、随時見直しを行います。使用される場合は、最新のものをお使いください。</t>
    <rPh sb="0" eb="1">
      <t>ホン</t>
    </rPh>
    <rPh sb="10" eb="12">
      <t>サイシン</t>
    </rPh>
    <rPh sb="13" eb="15">
      <t>ホウレイ</t>
    </rPh>
    <rPh sb="15" eb="17">
      <t>カイセイ</t>
    </rPh>
    <rPh sb="18" eb="20">
      <t>ハンエイ</t>
    </rPh>
    <rPh sb="27" eb="28">
      <t>ツカ</t>
    </rPh>
    <rPh sb="40" eb="42">
      <t>ズイジ</t>
    </rPh>
    <rPh sb="42" eb="44">
      <t>ミナオ</t>
    </rPh>
    <rPh sb="46" eb="47">
      <t>オコナ</t>
    </rPh>
    <rPh sb="51" eb="53">
      <t>シヨウ</t>
    </rPh>
    <rPh sb="56" eb="58">
      <t>バアイ</t>
    </rPh>
    <rPh sb="60" eb="62">
      <t>サイシン</t>
    </rPh>
    <rPh sb="67" eb="68">
      <t>ツカ</t>
    </rPh>
    <phoneticPr fontId="2"/>
  </si>
  <si>
    <t>①</t>
    <phoneticPr fontId="2"/>
  </si>
  <si>
    <t>②</t>
    <phoneticPr fontId="2"/>
  </si>
  <si>
    <t>③</t>
    <phoneticPr fontId="2"/>
  </si>
  <si>
    <t>④</t>
    <phoneticPr fontId="2"/>
  </si>
  <si>
    <t>第１版を作成</t>
    <rPh sb="0" eb="1">
      <t>ダイ</t>
    </rPh>
    <rPh sb="2" eb="3">
      <t>ハン</t>
    </rPh>
    <rPh sb="4" eb="6">
      <t>サクセイ</t>
    </rPh>
    <phoneticPr fontId="2"/>
  </si>
  <si>
    <t>Ｈ11</t>
    <phoneticPr fontId="2"/>
  </si>
  <si>
    <t>Ｈ12</t>
    <phoneticPr fontId="2"/>
  </si>
  <si>
    <r>
      <t>■毒物・劇物の取扱い■
・盗難や紛失の防止の措置
　　</t>
    </r>
    <r>
      <rPr>
        <sz val="8"/>
        <rFont val="ＭＳ 明朝"/>
        <family val="1"/>
        <charset val="128"/>
      </rPr>
      <t>他の物と区別して保管
　　保管場所は鍵のかかる丈夫な物
　　一般の人が容易に近づけない措置
・施設外への飛散、流出等の防止の措置
・運搬時の飛散、流出等の防止の措置
・誤飲防止の措置（飲食物の容器を用いない）</t>
    </r>
    <rPh sb="1" eb="3">
      <t>ドクブツ</t>
    </rPh>
    <rPh sb="4" eb="6">
      <t>ゲキブツ</t>
    </rPh>
    <rPh sb="7" eb="8">
      <t>ト</t>
    </rPh>
    <rPh sb="8" eb="9">
      <t>アツカ</t>
    </rPh>
    <rPh sb="13" eb="15">
      <t>トウナン</t>
    </rPh>
    <rPh sb="16" eb="18">
      <t>フンシツ</t>
    </rPh>
    <rPh sb="19" eb="21">
      <t>ボウシ</t>
    </rPh>
    <rPh sb="22" eb="24">
      <t>ソチ</t>
    </rPh>
    <rPh sb="27" eb="28">
      <t>ホカ</t>
    </rPh>
    <rPh sb="29" eb="30">
      <t>モノ</t>
    </rPh>
    <rPh sb="31" eb="33">
      <t>クベツ</t>
    </rPh>
    <rPh sb="35" eb="37">
      <t>ホカン</t>
    </rPh>
    <rPh sb="40" eb="42">
      <t>ホカン</t>
    </rPh>
    <rPh sb="42" eb="44">
      <t>バショ</t>
    </rPh>
    <rPh sb="45" eb="46">
      <t>カギ</t>
    </rPh>
    <rPh sb="50" eb="52">
      <t>ジョウブ</t>
    </rPh>
    <rPh sb="53" eb="54">
      <t>モノ</t>
    </rPh>
    <rPh sb="57" eb="59">
      <t>イッパン</t>
    </rPh>
    <rPh sb="60" eb="61">
      <t>ヒト</t>
    </rPh>
    <rPh sb="62" eb="64">
      <t>ヨウイ</t>
    </rPh>
    <rPh sb="65" eb="66">
      <t>チカ</t>
    </rPh>
    <rPh sb="70" eb="72">
      <t>ソチ</t>
    </rPh>
    <rPh sb="74" eb="76">
      <t>シセツ</t>
    </rPh>
    <rPh sb="76" eb="77">
      <t>ガイ</t>
    </rPh>
    <rPh sb="79" eb="81">
      <t>ヒサン</t>
    </rPh>
    <rPh sb="82" eb="85">
      <t>リュウシュツトウ</t>
    </rPh>
    <rPh sb="86" eb="88">
      <t>ボウシ</t>
    </rPh>
    <rPh sb="89" eb="91">
      <t>ソチ</t>
    </rPh>
    <rPh sb="93" eb="95">
      <t>ウンパン</t>
    </rPh>
    <rPh sb="95" eb="96">
      <t>ジ</t>
    </rPh>
    <rPh sb="97" eb="99">
      <t>ヒサン</t>
    </rPh>
    <rPh sb="100" eb="102">
      <t>リュウシュツ</t>
    </rPh>
    <rPh sb="102" eb="103">
      <t>トウ</t>
    </rPh>
    <rPh sb="104" eb="106">
      <t>ボウシ</t>
    </rPh>
    <rPh sb="107" eb="109">
      <t>ソチ</t>
    </rPh>
    <rPh sb="111" eb="113">
      <t>ゴイン</t>
    </rPh>
    <rPh sb="113" eb="115">
      <t>ボウシ</t>
    </rPh>
    <rPh sb="116" eb="118">
      <t>ソチ</t>
    </rPh>
    <rPh sb="119" eb="122">
      <t>インショクブツ</t>
    </rPh>
    <rPh sb="123" eb="125">
      <t>ヨウキ</t>
    </rPh>
    <rPh sb="126" eb="127">
      <t>モチ</t>
    </rPh>
    <phoneticPr fontId="2"/>
  </si>
  <si>
    <r>
      <t>□</t>
    </r>
    <r>
      <rPr>
        <sz val="8"/>
        <rFont val="ＭＳ 明朝"/>
        <family val="1"/>
        <charset val="128"/>
      </rPr>
      <t>在庫の管理は適切か
□保管場所は施錠してい
  るか
□保管棚は転倒防止して
  いるか
□誤飲しない容器である
  か　等</t>
    </r>
    <rPh sb="1" eb="3">
      <t>ザイコ</t>
    </rPh>
    <rPh sb="4" eb="6">
      <t>カンリ</t>
    </rPh>
    <rPh sb="7" eb="9">
      <t>テキセツ</t>
    </rPh>
    <rPh sb="12" eb="14">
      <t>ホカン</t>
    </rPh>
    <rPh sb="14" eb="16">
      <t>バショ</t>
    </rPh>
    <rPh sb="17" eb="19">
      <t>セジョウ</t>
    </rPh>
    <rPh sb="29" eb="31">
      <t>ホカン</t>
    </rPh>
    <rPh sb="31" eb="32">
      <t>タナ</t>
    </rPh>
    <rPh sb="33" eb="35">
      <t>テントウ</t>
    </rPh>
    <rPh sb="35" eb="37">
      <t>ボウシ</t>
    </rPh>
    <rPh sb="47" eb="49">
      <t>ゴイン</t>
    </rPh>
    <rPh sb="52" eb="54">
      <t>ヨウキ</t>
    </rPh>
    <rPh sb="62" eb="63">
      <t>トウ</t>
    </rPh>
    <phoneticPr fontId="2"/>
  </si>
  <si>
    <r>
      <t>■毒物・劇物の表示■
・毒物の容器表示：医薬用外毒物（赤地に白</t>
    </r>
    <r>
      <rPr>
        <sz val="8"/>
        <rFont val="ＭＳ 明朝"/>
        <family val="1"/>
        <charset val="128"/>
      </rPr>
      <t>字）
・劇物の容器表示：医薬用外劇物（白地に赤字）
・貯蔵又は陳列する場所への毒物・劇物の表示</t>
    </r>
    <rPh sb="1" eb="3">
      <t>ドクブツ</t>
    </rPh>
    <rPh sb="4" eb="6">
      <t>ゲキブツ</t>
    </rPh>
    <rPh sb="7" eb="9">
      <t>ヒョウジ</t>
    </rPh>
    <rPh sb="12" eb="14">
      <t>ドクブツ</t>
    </rPh>
    <rPh sb="15" eb="17">
      <t>ヨウキ</t>
    </rPh>
    <rPh sb="17" eb="19">
      <t>ヒョウジ</t>
    </rPh>
    <rPh sb="20" eb="23">
      <t>イヤクヨウ</t>
    </rPh>
    <rPh sb="23" eb="24">
      <t>ガイ</t>
    </rPh>
    <rPh sb="24" eb="26">
      <t>ドクブツ</t>
    </rPh>
    <rPh sb="27" eb="29">
      <t>アカジ</t>
    </rPh>
    <rPh sb="30" eb="31">
      <t>シロ</t>
    </rPh>
    <rPh sb="31" eb="32">
      <t>ジ</t>
    </rPh>
    <rPh sb="35" eb="37">
      <t>ゲキブツ</t>
    </rPh>
    <rPh sb="38" eb="40">
      <t>ヨウキ</t>
    </rPh>
    <rPh sb="40" eb="42">
      <t>ヒョウジ</t>
    </rPh>
    <rPh sb="43" eb="46">
      <t>イヤクヨウ</t>
    </rPh>
    <rPh sb="46" eb="47">
      <t>ガイ</t>
    </rPh>
    <rPh sb="47" eb="49">
      <t>ゲキブツ</t>
    </rPh>
    <rPh sb="50" eb="52">
      <t>シラジ</t>
    </rPh>
    <rPh sb="53" eb="55">
      <t>アカジ</t>
    </rPh>
    <rPh sb="58" eb="60">
      <t>チョゾウ</t>
    </rPh>
    <rPh sb="60" eb="61">
      <t>マタ</t>
    </rPh>
    <rPh sb="62" eb="64">
      <t>チンレツ</t>
    </rPh>
    <rPh sb="66" eb="68">
      <t>バショ</t>
    </rPh>
    <rPh sb="70" eb="72">
      <t>ドクブツ</t>
    </rPh>
    <rPh sb="73" eb="75">
      <t>ゲキブツ</t>
    </rPh>
    <rPh sb="76" eb="78">
      <t>ヒョウジ</t>
    </rPh>
    <phoneticPr fontId="2"/>
  </si>
  <si>
    <t>　</t>
    <phoneticPr fontId="2"/>
  </si>
  <si>
    <t>Ｈ12の
９</t>
    <phoneticPr fontId="2"/>
  </si>
  <si>
    <t>Ｈ12の
７・８</t>
    <phoneticPr fontId="2"/>
  </si>
  <si>
    <t>Ｈ12の
６</t>
    <phoneticPr fontId="2"/>
  </si>
  <si>
    <t>Ｈ12の２</t>
    <phoneticPr fontId="2"/>
  </si>
  <si>
    <t>Ｈ11の２</t>
    <phoneticPr fontId="2"/>
  </si>
  <si>
    <r>
      <t>□</t>
    </r>
    <r>
      <rPr>
        <sz val="8"/>
        <rFont val="ＭＳ 明朝"/>
        <family val="1"/>
        <charset val="128"/>
      </rPr>
      <t>使用開始時の届出を確認
□変更の有無を確認
□変更届出書を確認</t>
    </r>
    <rPh sb="1" eb="3">
      <t>シヨウ</t>
    </rPh>
    <rPh sb="3" eb="5">
      <t>カイシ</t>
    </rPh>
    <rPh sb="5" eb="6">
      <t>ジ</t>
    </rPh>
    <rPh sb="7" eb="9">
      <t>トドケデ</t>
    </rPh>
    <rPh sb="10" eb="12">
      <t>カクニン</t>
    </rPh>
    <rPh sb="14" eb="16">
      <t>ヘンコウ</t>
    </rPh>
    <rPh sb="17" eb="19">
      <t>ウム</t>
    </rPh>
    <rPh sb="20" eb="22">
      <t>カクニン</t>
    </rPh>
    <rPh sb="24" eb="26">
      <t>ヘンコウ</t>
    </rPh>
    <rPh sb="26" eb="28">
      <t>トドケデ</t>
    </rPh>
    <rPh sb="28" eb="29">
      <t>ショ</t>
    </rPh>
    <rPh sb="30" eb="32">
      <t>カクニン</t>
    </rPh>
    <phoneticPr fontId="2"/>
  </si>
  <si>
    <r>
      <t>■下水の排除（排水）制限■
・基準に適合しない下水は排除（排水）できない
　※排出基準は全国一律の基準のほか、各</t>
    </r>
    <r>
      <rPr>
        <sz val="8"/>
        <rFont val="ＭＳ 明朝"/>
        <family val="1"/>
        <charset val="128"/>
      </rPr>
      <t>市町村
　　が定める基準が別にある</t>
    </r>
    <rPh sb="1" eb="3">
      <t>ゲスイ</t>
    </rPh>
    <rPh sb="4" eb="6">
      <t>ハイジョ</t>
    </rPh>
    <rPh sb="7" eb="9">
      <t>ハイスイ</t>
    </rPh>
    <rPh sb="10" eb="12">
      <t>セイゲン</t>
    </rPh>
    <rPh sb="15" eb="17">
      <t>キジュン</t>
    </rPh>
    <rPh sb="18" eb="20">
      <t>テキゴウ</t>
    </rPh>
    <rPh sb="23" eb="25">
      <t>ゲスイ</t>
    </rPh>
    <rPh sb="26" eb="28">
      <t>ハイジョ</t>
    </rPh>
    <rPh sb="29" eb="31">
      <t>ハイスイ</t>
    </rPh>
    <rPh sb="39" eb="41">
      <t>ハイシュツ</t>
    </rPh>
    <rPh sb="41" eb="43">
      <t>キジュン</t>
    </rPh>
    <rPh sb="44" eb="46">
      <t>ゼンコク</t>
    </rPh>
    <rPh sb="46" eb="48">
      <t>イチリツ</t>
    </rPh>
    <rPh sb="49" eb="51">
      <t>キジュン</t>
    </rPh>
    <rPh sb="55" eb="56">
      <t>カク</t>
    </rPh>
    <rPh sb="56" eb="59">
      <t>シチョウソン</t>
    </rPh>
    <rPh sb="63" eb="64">
      <t>サダ</t>
    </rPh>
    <rPh sb="66" eb="68">
      <t>キジュン</t>
    </rPh>
    <rPh sb="69" eb="70">
      <t>ベツ</t>
    </rPh>
    <phoneticPr fontId="2"/>
  </si>
  <si>
    <r>
      <t>Ｈ12の
３</t>
    </r>
    <r>
      <rPr>
        <sz val="8"/>
        <rFont val="ＭＳ 明朝"/>
        <family val="1"/>
        <charset val="128"/>
      </rPr>
      <t>・４</t>
    </r>
    <phoneticPr fontId="2"/>
  </si>
  <si>
    <r>
      <t>■特定施設の設置／使用／変更の届出■
・特定施設の構造、</t>
    </r>
    <r>
      <rPr>
        <sz val="8"/>
        <rFont val="ＭＳ 明朝"/>
        <family val="1"/>
        <charset val="128"/>
      </rPr>
      <t>汚水処理方法等を、市町村に
　届出（変更の場合も同様）</t>
    </r>
    <rPh sb="1" eb="3">
      <t>トクテイ</t>
    </rPh>
    <rPh sb="3" eb="5">
      <t>シセツ</t>
    </rPh>
    <rPh sb="6" eb="8">
      <t>セッチ</t>
    </rPh>
    <rPh sb="9" eb="11">
      <t>シヨウ</t>
    </rPh>
    <rPh sb="12" eb="14">
      <t>ヘンコウ</t>
    </rPh>
    <rPh sb="15" eb="17">
      <t>トドケデ</t>
    </rPh>
    <rPh sb="20" eb="22">
      <t>トクテイ</t>
    </rPh>
    <rPh sb="22" eb="24">
      <t>シセツ</t>
    </rPh>
    <rPh sb="25" eb="27">
      <t>コウゾウ</t>
    </rPh>
    <rPh sb="28" eb="30">
      <t>オスイ</t>
    </rPh>
    <rPh sb="30" eb="32">
      <t>ショリ</t>
    </rPh>
    <rPh sb="32" eb="34">
      <t>ホウホウ</t>
    </rPh>
    <rPh sb="34" eb="35">
      <t>トウ</t>
    </rPh>
    <rPh sb="37" eb="40">
      <t>シチョウソン</t>
    </rPh>
    <rPh sb="43" eb="45">
      <t>トドケデ</t>
    </rPh>
    <rPh sb="46" eb="48">
      <t>ヘンコウ</t>
    </rPh>
    <rPh sb="49" eb="51">
      <t>バアイ</t>
    </rPh>
    <rPh sb="52" eb="54">
      <t>ドウヨウ</t>
    </rPh>
    <phoneticPr fontId="2"/>
  </si>
  <si>
    <r>
      <t>□設置時の届出を確認
□</t>
    </r>
    <r>
      <rPr>
        <sz val="8"/>
        <rFont val="ＭＳ 明朝"/>
        <family val="1"/>
        <charset val="128"/>
      </rPr>
      <t>変更の有無を確認
□変更届出書を確認</t>
    </r>
    <rPh sb="1" eb="3">
      <t>セッチ</t>
    </rPh>
    <rPh sb="3" eb="4">
      <t>ジ</t>
    </rPh>
    <rPh sb="5" eb="7">
      <t>トドケデ</t>
    </rPh>
    <rPh sb="8" eb="10">
      <t>カクニン</t>
    </rPh>
    <rPh sb="12" eb="14">
      <t>ヘンコウ</t>
    </rPh>
    <rPh sb="15" eb="16">
      <t>ユウ</t>
    </rPh>
    <rPh sb="16" eb="17">
      <t>ム</t>
    </rPh>
    <rPh sb="18" eb="20">
      <t>カクニン</t>
    </rPh>
    <rPh sb="22" eb="24">
      <t>ヘンコウ</t>
    </rPh>
    <rPh sb="24" eb="26">
      <t>トドケデ</t>
    </rPh>
    <rPh sb="26" eb="27">
      <t>ショ</t>
    </rPh>
    <rPh sb="28" eb="30">
      <t>カクニン</t>
    </rPh>
    <phoneticPr fontId="2"/>
  </si>
  <si>
    <r>
      <t>■氏名の変更等の届出■
・代表者氏名の変更、廃止、地位を承継したとき
　は30日以内に</t>
    </r>
    <r>
      <rPr>
        <sz val="8"/>
        <rFont val="ＭＳ 明朝"/>
        <family val="1"/>
        <charset val="128"/>
      </rPr>
      <t>市町村に届出</t>
    </r>
    <rPh sb="1" eb="3">
      <t>シメイ</t>
    </rPh>
    <rPh sb="4" eb="6">
      <t>ヘンコウ</t>
    </rPh>
    <rPh sb="6" eb="7">
      <t>トウ</t>
    </rPh>
    <rPh sb="8" eb="10">
      <t>トドケデ</t>
    </rPh>
    <rPh sb="13" eb="16">
      <t>ダイヒョウシャ</t>
    </rPh>
    <rPh sb="16" eb="18">
      <t>シメイ</t>
    </rPh>
    <rPh sb="19" eb="21">
      <t>ヘンコウ</t>
    </rPh>
    <rPh sb="22" eb="24">
      <t>ハイシ</t>
    </rPh>
    <rPh sb="25" eb="27">
      <t>チイ</t>
    </rPh>
    <rPh sb="28" eb="30">
      <t>ショウケイ</t>
    </rPh>
    <rPh sb="39" eb="40">
      <t>ヒ</t>
    </rPh>
    <rPh sb="40" eb="42">
      <t>イナイ</t>
    </rPh>
    <rPh sb="43" eb="46">
      <t>シチョウソン</t>
    </rPh>
    <rPh sb="47" eb="49">
      <t>トドケデ</t>
    </rPh>
    <phoneticPr fontId="2"/>
  </si>
  <si>
    <t>□変更等の有無を確認
□変更届出書を確認</t>
    <phoneticPr fontId="2"/>
  </si>
  <si>
    <r>
      <t>■事故時の措置■
・健康被害を生じるおそれがある物質又は油が、
　流入したときは、直ちに応急の措置を講じる
・直ちに事故状況等を</t>
    </r>
    <r>
      <rPr>
        <sz val="8"/>
        <rFont val="ＭＳ 明朝"/>
        <family val="1"/>
        <charset val="128"/>
      </rPr>
      <t>市町村に報告</t>
    </r>
    <rPh sb="1" eb="3">
      <t>ジコ</t>
    </rPh>
    <rPh sb="3" eb="4">
      <t>ジ</t>
    </rPh>
    <rPh sb="5" eb="7">
      <t>ソチ</t>
    </rPh>
    <rPh sb="10" eb="12">
      <t>ケンコウ</t>
    </rPh>
    <rPh sb="12" eb="14">
      <t>ヒガイ</t>
    </rPh>
    <rPh sb="15" eb="16">
      <t>ショウ</t>
    </rPh>
    <rPh sb="24" eb="26">
      <t>ブッシツ</t>
    </rPh>
    <rPh sb="26" eb="27">
      <t>マタ</t>
    </rPh>
    <rPh sb="28" eb="29">
      <t>アブラ</t>
    </rPh>
    <rPh sb="33" eb="35">
      <t>リュウニュウ</t>
    </rPh>
    <rPh sb="41" eb="42">
      <t>タダ</t>
    </rPh>
    <rPh sb="44" eb="46">
      <t>オウキュウ</t>
    </rPh>
    <rPh sb="47" eb="49">
      <t>ソチ</t>
    </rPh>
    <rPh sb="50" eb="51">
      <t>コウ</t>
    </rPh>
    <rPh sb="55" eb="56">
      <t>タダ</t>
    </rPh>
    <rPh sb="58" eb="60">
      <t>ジコ</t>
    </rPh>
    <rPh sb="60" eb="62">
      <t>ジョウキョウ</t>
    </rPh>
    <rPh sb="62" eb="63">
      <t>トウ</t>
    </rPh>
    <rPh sb="64" eb="67">
      <t>シチョウソン</t>
    </rPh>
    <rPh sb="68" eb="70">
      <t>ホウコク</t>
    </rPh>
    <phoneticPr fontId="2"/>
  </si>
  <si>
    <r>
      <t xml:space="preserve">Ｈ12の
</t>
    </r>
    <r>
      <rPr>
        <sz val="8"/>
        <rFont val="ＭＳ 明朝"/>
        <family val="1"/>
        <charset val="128"/>
      </rPr>
      <t>12</t>
    </r>
    <phoneticPr fontId="2"/>
  </si>
  <si>
    <r>
      <t>■定期的な下水の水質測定■
・下水の水質を定期的に測定し、記録する
・測定頻度：</t>
    </r>
    <r>
      <rPr>
        <sz val="8"/>
        <rFont val="ＭＳ 明朝"/>
        <family val="1"/>
        <charset val="128"/>
      </rPr>
      <t>施行規則のとおり
　　　　　 （市町村により異なる場合あり)
・結果は記録し、５年間保存する</t>
    </r>
    <rPh sb="1" eb="4">
      <t>テイキテキ</t>
    </rPh>
    <rPh sb="5" eb="7">
      <t>ゲスイ</t>
    </rPh>
    <rPh sb="7" eb="8">
      <t>ハイスイ</t>
    </rPh>
    <rPh sb="8" eb="10">
      <t>スイシツ</t>
    </rPh>
    <rPh sb="10" eb="12">
      <t>ソクテイ</t>
    </rPh>
    <rPh sb="15" eb="17">
      <t>ゲスイ</t>
    </rPh>
    <rPh sb="17" eb="18">
      <t>シュッスイ</t>
    </rPh>
    <rPh sb="18" eb="20">
      <t>スイシツ</t>
    </rPh>
    <rPh sb="21" eb="24">
      <t>テイキテキ</t>
    </rPh>
    <rPh sb="25" eb="27">
      <t>ソクテイ</t>
    </rPh>
    <rPh sb="29" eb="31">
      <t>キロク</t>
    </rPh>
    <rPh sb="35" eb="37">
      <t>ソクテイ</t>
    </rPh>
    <rPh sb="37" eb="39">
      <t>ヒンド</t>
    </rPh>
    <rPh sb="40" eb="42">
      <t>シコウ</t>
    </rPh>
    <rPh sb="42" eb="44">
      <t>キソク</t>
    </rPh>
    <rPh sb="56" eb="59">
      <t>シチョウソン</t>
    </rPh>
    <rPh sb="62" eb="63">
      <t>コト</t>
    </rPh>
    <rPh sb="65" eb="67">
      <t>バアイ</t>
    </rPh>
    <rPh sb="72" eb="74">
      <t>ケッカ</t>
    </rPh>
    <rPh sb="75" eb="77">
      <t>キロク</t>
    </rPh>
    <rPh sb="80" eb="82">
      <t>ネンカン</t>
    </rPh>
    <rPh sb="82" eb="84">
      <t>ホゾン</t>
    </rPh>
    <phoneticPr fontId="2"/>
  </si>
  <si>
    <r>
      <t>■市町村の下水道条例による規定■
※</t>
    </r>
    <r>
      <rPr>
        <sz val="8"/>
        <rFont val="ＭＳ 明朝"/>
        <family val="1"/>
        <charset val="128"/>
      </rPr>
      <t>届出や除害施設の設置基準などが、市町村の下
　水道条例に規定される場合があるため、所管市
　町村（公共下水道管理者）に確認し、チェック
　リストに記載</t>
    </r>
    <rPh sb="1" eb="4">
      <t>シチョウソン</t>
    </rPh>
    <rPh sb="5" eb="8">
      <t>ゲスイドウ</t>
    </rPh>
    <rPh sb="8" eb="10">
      <t>ジョウレイ</t>
    </rPh>
    <rPh sb="13" eb="15">
      <t>キテイ</t>
    </rPh>
    <rPh sb="18" eb="20">
      <t>トドケデ</t>
    </rPh>
    <rPh sb="21" eb="22">
      <t>ジョ</t>
    </rPh>
    <rPh sb="22" eb="23">
      <t>ガイ</t>
    </rPh>
    <rPh sb="23" eb="25">
      <t>シセツ</t>
    </rPh>
    <rPh sb="26" eb="28">
      <t>セッチ</t>
    </rPh>
    <rPh sb="28" eb="30">
      <t>キジュン</t>
    </rPh>
    <rPh sb="34" eb="37">
      <t>シチョウソン</t>
    </rPh>
    <rPh sb="38" eb="39">
      <t>シタ</t>
    </rPh>
    <rPh sb="41" eb="43">
      <t>スイドウ</t>
    </rPh>
    <rPh sb="43" eb="45">
      <t>ジョウレイ</t>
    </rPh>
    <rPh sb="46" eb="48">
      <t>キテイ</t>
    </rPh>
    <rPh sb="51" eb="53">
      <t>バアイ</t>
    </rPh>
    <rPh sb="59" eb="61">
      <t>ショカン</t>
    </rPh>
    <rPh sb="77" eb="79">
      <t>カクニン</t>
    </rPh>
    <rPh sb="91" eb="93">
      <t>キサイ</t>
    </rPh>
    <phoneticPr fontId="2"/>
  </si>
  <si>
    <t>■技術基準の遵守■
・貯蔵所等の構造、設備等を、政令で定める技術
　上の基準に従い維持する
（例）地下タンクの場合
　　　・見やすい場所への標識の設置</t>
    <rPh sb="1" eb="3">
      <t>ギジュツ</t>
    </rPh>
    <rPh sb="3" eb="5">
      <t>キジュン</t>
    </rPh>
    <rPh sb="6" eb="8">
      <t>ジュンシュ</t>
    </rPh>
    <rPh sb="11" eb="13">
      <t>チョゾウ</t>
    </rPh>
    <rPh sb="13" eb="14">
      <t>ショ</t>
    </rPh>
    <rPh sb="14" eb="15">
      <t>トウ</t>
    </rPh>
    <rPh sb="16" eb="18">
      <t>コウゾウ</t>
    </rPh>
    <rPh sb="19" eb="21">
      <t>セツビ</t>
    </rPh>
    <rPh sb="21" eb="22">
      <t>トウ</t>
    </rPh>
    <rPh sb="24" eb="26">
      <t>セイレイ</t>
    </rPh>
    <rPh sb="27" eb="28">
      <t>サダ</t>
    </rPh>
    <rPh sb="30" eb="32">
      <t>ギジュツ</t>
    </rPh>
    <rPh sb="34" eb="35">
      <t>ジョウ</t>
    </rPh>
    <rPh sb="36" eb="38">
      <t>キジュン</t>
    </rPh>
    <rPh sb="39" eb="40">
      <t>シタガ</t>
    </rPh>
    <rPh sb="41" eb="43">
      <t>イジ</t>
    </rPh>
    <rPh sb="47" eb="48">
      <t>レイ</t>
    </rPh>
    <rPh sb="49" eb="51">
      <t>チカ</t>
    </rPh>
    <rPh sb="55" eb="57">
      <t>バアイ</t>
    </rPh>
    <rPh sb="62" eb="63">
      <t>ミ</t>
    </rPh>
    <rPh sb="66" eb="68">
      <t>バショ</t>
    </rPh>
    <rPh sb="70" eb="72">
      <t>ヒョウシキ</t>
    </rPh>
    <rPh sb="73" eb="75">
      <t>セッチ</t>
    </rPh>
    <phoneticPr fontId="2"/>
  </si>
  <si>
    <t>Ｈ３</t>
    <phoneticPr fontId="2"/>
  </si>
  <si>
    <t>　－</t>
    <phoneticPr fontId="2"/>
  </si>
  <si>
    <t>Ｈ５</t>
    <phoneticPr fontId="2"/>
  </si>
  <si>
    <t>■浄化槽の設置義務■
・公共下水道およびし尿処理施設で処理される以
　外のし尿は、すべて浄化槽で処理する</t>
    <rPh sb="1" eb="4">
      <t>ジョウカソウ</t>
    </rPh>
    <rPh sb="5" eb="7">
      <t>セッチ</t>
    </rPh>
    <rPh sb="7" eb="9">
      <t>ギム</t>
    </rPh>
    <rPh sb="12" eb="14">
      <t>コウキョウ</t>
    </rPh>
    <rPh sb="14" eb="17">
      <t>ゲスイドウ</t>
    </rPh>
    <rPh sb="21" eb="22">
      <t>ニョウ</t>
    </rPh>
    <rPh sb="22" eb="24">
      <t>ショリ</t>
    </rPh>
    <rPh sb="24" eb="26">
      <t>シセツ</t>
    </rPh>
    <rPh sb="27" eb="29">
      <t>ショリ</t>
    </rPh>
    <rPh sb="32" eb="33">
      <t>イ</t>
    </rPh>
    <rPh sb="35" eb="36">
      <t>ガイ</t>
    </rPh>
    <rPh sb="38" eb="39">
      <t>ニョウ</t>
    </rPh>
    <rPh sb="44" eb="47">
      <t>ジョウカソウ</t>
    </rPh>
    <rPh sb="48" eb="50">
      <t>ショリ</t>
    </rPh>
    <phoneticPr fontId="2"/>
  </si>
  <si>
    <t>Ｈ12の２
Ｋ８の13</t>
    <phoneticPr fontId="2"/>
  </si>
  <si>
    <t>Ｈ12の２
Ｋ８の17</t>
    <phoneticPr fontId="2"/>
  </si>
  <si>
    <r>
      <t>産業廃棄物のうち、特別管理産業廃棄物（★）を排出する場合は、産業廃棄物に係る一般の規定に加えて、廃棄物の処理及び清掃に関する法律の以下の条項が特に適用されます。
　★　廃棄物の処理及び清掃に関する法律第２条、法施行令第２条の４で規定
　　 （爆発性、毒性、感染</t>
    </r>
    <r>
      <rPr>
        <sz val="9"/>
        <rFont val="ＭＳ 明朝"/>
        <family val="1"/>
        <charset val="128"/>
      </rPr>
      <t>性等人の健康又は生活環境に被害を生ずるおそれのある産業廃棄物）</t>
    </r>
    <rPh sb="0" eb="2">
      <t>サンギョウ</t>
    </rPh>
    <rPh sb="2" eb="5">
      <t>ハイキブツ</t>
    </rPh>
    <rPh sb="9" eb="11">
      <t>トクベツ</t>
    </rPh>
    <rPh sb="11" eb="13">
      <t>カンリ</t>
    </rPh>
    <rPh sb="30" eb="32">
      <t>サンギョウ</t>
    </rPh>
    <rPh sb="32" eb="34">
      <t>ハイキ</t>
    </rPh>
    <rPh sb="34" eb="35">
      <t>ブツ</t>
    </rPh>
    <rPh sb="36" eb="37">
      <t>カカ</t>
    </rPh>
    <rPh sb="38" eb="40">
      <t>イッパン</t>
    </rPh>
    <rPh sb="41" eb="43">
      <t>キテイ</t>
    </rPh>
    <rPh sb="44" eb="45">
      <t>クワ</t>
    </rPh>
    <rPh sb="71" eb="72">
      <t>トク</t>
    </rPh>
    <rPh sb="108" eb="109">
      <t>ダイ</t>
    </rPh>
    <rPh sb="110" eb="111">
      <t>ジョウ</t>
    </rPh>
    <rPh sb="130" eb="131">
      <t>セイ</t>
    </rPh>
    <phoneticPr fontId="2"/>
  </si>
  <si>
    <t>廃棄物の処理及び清掃に関する法律</t>
    <phoneticPr fontId="2"/>
  </si>
  <si>
    <r>
      <t>Ｈ12の２
Ｒ６の</t>
    </r>
    <r>
      <rPr>
        <sz val="8"/>
        <rFont val="ＭＳ 明朝"/>
        <family val="1"/>
        <charset val="128"/>
      </rPr>
      <t>６
Ｋ８の14～16</t>
    </r>
    <phoneticPr fontId="2"/>
  </si>
  <si>
    <r>
      <t>廃棄物</t>
    </r>
    <r>
      <rPr>
        <sz val="9"/>
        <color theme="1"/>
        <rFont val="ＭＳ ゴシック"/>
        <family val="3"/>
        <charset val="128"/>
      </rPr>
      <t xml:space="preserve">
(特別管理産業廃棄物)</t>
    </r>
    <rPh sb="0" eb="3">
      <t>ハイキブツ</t>
    </rPh>
    <rPh sb="5" eb="7">
      <t>トクベツ</t>
    </rPh>
    <rPh sb="7" eb="9">
      <t>カンリ</t>
    </rPh>
    <rPh sb="9" eb="11">
      <t>サンギョウ</t>
    </rPh>
    <rPh sb="11" eb="14">
      <t>ハイキブツ</t>
    </rPh>
    <phoneticPr fontId="2"/>
  </si>
  <si>
    <t>※</t>
    <phoneticPr fontId="2"/>
  </si>
  <si>
    <t>・</t>
    <phoneticPr fontId="2"/>
  </si>
  <si>
    <r>
      <t>□契約先が適切な処理を
　行っているかを確認し
　ているか（努力義務）
　※条</t>
    </r>
    <r>
      <rPr>
        <sz val="8"/>
        <rFont val="ＭＳ 明朝"/>
        <family val="1"/>
        <charset val="128"/>
      </rPr>
      <t>例によっては義務
　　としているため、要　
　　確認</t>
    </r>
    <rPh sb="1" eb="3">
      <t>ケイヤク</t>
    </rPh>
    <rPh sb="3" eb="4">
      <t>サキ</t>
    </rPh>
    <rPh sb="5" eb="7">
      <t>テキセツ</t>
    </rPh>
    <rPh sb="8" eb="10">
      <t>ショリ</t>
    </rPh>
    <rPh sb="13" eb="14">
      <t>オコナ</t>
    </rPh>
    <rPh sb="20" eb="22">
      <t>カクニン</t>
    </rPh>
    <rPh sb="30" eb="32">
      <t>ドリョク</t>
    </rPh>
    <rPh sb="32" eb="34">
      <t>ギム</t>
    </rPh>
    <rPh sb="38" eb="40">
      <t>ジョウレイ</t>
    </rPh>
    <rPh sb="39" eb="40">
      <t>レイ</t>
    </rPh>
    <rPh sb="45" eb="47">
      <t>ギム</t>
    </rPh>
    <rPh sb="58" eb="59">
      <t>ヨウ</t>
    </rPh>
    <rPh sb="63" eb="65">
      <t>カクニン</t>
    </rPh>
    <phoneticPr fontId="2"/>
  </si>
  <si>
    <r>
      <t xml:space="preserve">・前年度のマニフェスト交付状況等を知事等に提
　出する(事業所ごと、提出期日：毎年６月30日)
  </t>
    </r>
    <r>
      <rPr>
        <sz val="8"/>
        <rFont val="ＭＳ 明朝"/>
        <family val="1"/>
        <charset val="128"/>
      </rPr>
      <t xml:space="preserve">(Ｋ８の27)
</t>
    </r>
    <rPh sb="19" eb="20">
      <t>トウ</t>
    </rPh>
    <phoneticPr fontId="2"/>
  </si>
  <si>
    <r>
      <t>・下記の場合は、運搬・処分の状況を把握し、
　必要な措置を講ずるとともに30日以内に知事等
　に報告書を提出する</t>
    </r>
    <r>
      <rPr>
        <sz val="8"/>
        <rFont val="ＭＳ 明朝"/>
        <family val="1"/>
        <charset val="128"/>
      </rPr>
      <t>(Ｋ８の28・29)
　①マニフェスト交付後、</t>
    </r>
    <r>
      <rPr>
        <u/>
        <sz val="8"/>
        <rFont val="ＭＳ 明朝"/>
        <family val="1"/>
        <charset val="128"/>
      </rPr>
      <t>期日内</t>
    </r>
    <r>
      <rPr>
        <sz val="8"/>
        <rFont val="ＭＳ 明朝"/>
        <family val="1"/>
        <charset val="128"/>
      </rPr>
      <t>にマニフェスト
　　の写し（Ｂ2・Ｄ・Ｅ票）が返送されないと
　　き、マニフェストに規定の事項が記載されて
　　いないとき又は返送されたマニフェストに虚
　　偽の記載がある場合
　②廃棄物処理業者から処理困難通知を受けたとき</t>
    </r>
    <rPh sb="44" eb="45">
      <t>トウ</t>
    </rPh>
    <phoneticPr fontId="2"/>
  </si>
  <si>
    <r>
      <t>□収集・運搬業者及び
　中間処理業者それぞれ
　と書面で委託契約を結
　んでいるか
□契約書には法</t>
    </r>
    <r>
      <rPr>
        <sz val="8"/>
        <rFont val="ＭＳ 明朝"/>
        <family val="1"/>
        <charset val="128"/>
      </rPr>
      <t>令で定め
　られた事項が全て記載
　されているか</t>
    </r>
    <rPh sb="1" eb="3">
      <t>シュウシュウ</t>
    </rPh>
    <rPh sb="4" eb="6">
      <t>ウンパン</t>
    </rPh>
    <rPh sb="6" eb="8">
      <t>ギョウシャ</t>
    </rPh>
    <rPh sb="8" eb="9">
      <t>オヨ</t>
    </rPh>
    <rPh sb="12" eb="14">
      <t>チュウカン</t>
    </rPh>
    <rPh sb="14" eb="16">
      <t>ショリ</t>
    </rPh>
    <rPh sb="16" eb="17">
      <t>ギョウ</t>
    </rPh>
    <rPh sb="17" eb="18">
      <t>シャ</t>
    </rPh>
    <rPh sb="25" eb="27">
      <t>ショメン</t>
    </rPh>
    <rPh sb="28" eb="30">
      <t>イタク</t>
    </rPh>
    <rPh sb="30" eb="32">
      <t>ケイヤク</t>
    </rPh>
    <rPh sb="33" eb="34">
      <t>ムス</t>
    </rPh>
    <rPh sb="43" eb="45">
      <t>ケイヤク</t>
    </rPh>
    <rPh sb="45" eb="46">
      <t>カ</t>
    </rPh>
    <rPh sb="48" eb="50">
      <t>ホウレイ</t>
    </rPh>
    <rPh sb="49" eb="50">
      <t>レイ</t>
    </rPh>
    <rPh sb="51" eb="52">
      <t>サダ</t>
    </rPh>
    <rPh sb="58" eb="60">
      <t>ジコウ</t>
    </rPh>
    <rPh sb="61" eb="62">
      <t>スベ</t>
    </rPh>
    <phoneticPr fontId="2"/>
  </si>
  <si>
    <t>□定められた頻度・方法
　で測定しているか
□結果を知事（所管Ｃ）
　に報告したか（報告書
　を確認）</t>
    <rPh sb="1" eb="2">
      <t>サダ</t>
    </rPh>
    <rPh sb="6" eb="8">
      <t>ヒンド</t>
    </rPh>
    <rPh sb="9" eb="11">
      <t>ホウホウ</t>
    </rPh>
    <rPh sb="14" eb="16">
      <t>ソクテイ</t>
    </rPh>
    <rPh sb="23" eb="25">
      <t>ケッカ</t>
    </rPh>
    <rPh sb="26" eb="28">
      <t>チジ</t>
    </rPh>
    <rPh sb="29" eb="31">
      <t>ショカン</t>
    </rPh>
    <rPh sb="36" eb="38">
      <t>ホウコク</t>
    </rPh>
    <rPh sb="42" eb="45">
      <t>ホウコクショ</t>
    </rPh>
    <rPh sb="48" eb="50">
      <t>カクニン</t>
    </rPh>
    <phoneticPr fontId="2"/>
  </si>
  <si>
    <t>□産業廃棄物又は特別管
　理産業廃棄物として、
　廃棄物処理法に従い、
　適切に処分したか</t>
    <rPh sb="1" eb="3">
      <t>サンギョウ</t>
    </rPh>
    <rPh sb="3" eb="6">
      <t>ハイキブツ</t>
    </rPh>
    <rPh sb="6" eb="7">
      <t>マタ</t>
    </rPh>
    <rPh sb="8" eb="10">
      <t>トクベツ</t>
    </rPh>
    <rPh sb="10" eb="11">
      <t>クダ</t>
    </rPh>
    <rPh sb="13" eb="14">
      <t>リ</t>
    </rPh>
    <rPh sb="14" eb="16">
      <t>サンギョウ</t>
    </rPh>
    <rPh sb="16" eb="19">
      <t>ハイキブツ</t>
    </rPh>
    <rPh sb="25" eb="28">
      <t>ハイキブツ</t>
    </rPh>
    <rPh sb="28" eb="31">
      <t>ショリホウ</t>
    </rPh>
    <rPh sb="32" eb="33">
      <t>シタガ</t>
    </rPh>
    <rPh sb="37" eb="39">
      <t>テキセツ</t>
    </rPh>
    <rPh sb="40" eb="42">
      <t>ショブン</t>
    </rPh>
    <phoneticPr fontId="2"/>
  </si>
  <si>
    <t>□Ｈ28の測定結果により
　順守を確認</t>
    <rPh sb="5" eb="7">
      <t>ソクテイ</t>
    </rPh>
    <rPh sb="7" eb="9">
      <t>ケッカ</t>
    </rPh>
    <rPh sb="14" eb="16">
      <t>ジュンシュ</t>
    </rPh>
    <rPh sb="17" eb="19">
      <t>カクニン</t>
    </rPh>
    <phoneticPr fontId="2"/>
  </si>
  <si>
    <r>
      <t>業務用の機器であって、フロン類（★）が充塡されている空調機・冷蔵機器・冷凍機器（第</t>
    </r>
    <r>
      <rPr>
        <sz val="9"/>
        <color rgb="FFFF0000"/>
        <rFont val="ＭＳ 明朝"/>
        <family val="1"/>
        <charset val="128"/>
      </rPr>
      <t>一</t>
    </r>
    <r>
      <rPr>
        <sz val="9"/>
        <color theme="1"/>
        <rFont val="ＭＳ 明朝"/>
        <family val="2"/>
        <charset val="128"/>
      </rPr>
      <t>種特定製品）を管理する場合は、フロン類の使用の合理化及び管理の適正化に関する法律（フロン排出抑制法）等の以下の条項が適用されます。
　★ｸﾛﾛﾌﾙｵﾛｶｰﾎﾞﾝ(CFC),ﾊｲﾄﾞﾛｸﾛﾛﾌﾙｵﾛｶｰﾎﾞﾝ(HCFC),ﾊｲﾄﾞﾛﾌﾙｵﾛｶｰﾎﾞﾝ(HFC)</t>
    </r>
    <rPh sb="0" eb="3">
      <t>ギョウムヨウ</t>
    </rPh>
    <rPh sb="4" eb="6">
      <t>キキ</t>
    </rPh>
    <rPh sb="14" eb="15">
      <t>ルイ</t>
    </rPh>
    <rPh sb="26" eb="29">
      <t>クウチョウキ</t>
    </rPh>
    <rPh sb="30" eb="32">
      <t>レイゾウ</t>
    </rPh>
    <rPh sb="32" eb="34">
      <t>キキ</t>
    </rPh>
    <rPh sb="35" eb="37">
      <t>レイトウ</t>
    </rPh>
    <rPh sb="37" eb="39">
      <t>キキ</t>
    </rPh>
    <rPh sb="43" eb="45">
      <t>トクテイ</t>
    </rPh>
    <rPh sb="45" eb="47">
      <t>セイヒン</t>
    </rPh>
    <rPh sb="49" eb="51">
      <t>カンリ</t>
    </rPh>
    <rPh sb="53" eb="55">
      <t>バアイ</t>
    </rPh>
    <rPh sb="60" eb="61">
      <t>ルイ</t>
    </rPh>
    <rPh sb="62" eb="64">
      <t>シヨウ</t>
    </rPh>
    <rPh sb="65" eb="68">
      <t>ゴウリカ</t>
    </rPh>
    <rPh sb="68" eb="69">
      <t>オヨ</t>
    </rPh>
    <rPh sb="70" eb="72">
      <t>カンリ</t>
    </rPh>
    <rPh sb="73" eb="76">
      <t>テキセイカ</t>
    </rPh>
    <rPh sb="77" eb="78">
      <t>カン</t>
    </rPh>
    <rPh sb="80" eb="82">
      <t>ホウリツ</t>
    </rPh>
    <rPh sb="86" eb="88">
      <t>ハイシュツ</t>
    </rPh>
    <rPh sb="88" eb="90">
      <t>ヨクセイ</t>
    </rPh>
    <rPh sb="90" eb="91">
      <t>ホウ</t>
    </rPh>
    <rPh sb="92" eb="93">
      <t>トウ</t>
    </rPh>
    <rPh sb="94" eb="96">
      <t>イカ</t>
    </rPh>
    <rPh sb="97" eb="99">
      <t>ジョウコウ</t>
    </rPh>
    <rPh sb="100" eb="102">
      <t>テキヨウ</t>
    </rPh>
    <phoneticPr fontId="2"/>
  </si>
  <si>
    <t>Ｈ19
Ｋ2～3</t>
    <phoneticPr fontId="2"/>
  </si>
  <si>
    <r>
      <t>■簡易</t>
    </r>
    <r>
      <rPr>
        <sz val="8"/>
        <color theme="1"/>
        <rFont val="ＭＳ ゴシック"/>
        <family val="3"/>
        <charset val="128"/>
      </rPr>
      <t>点検の実施（全ての機器）■
・３ヶ月に１回以上の簡易点検(担当者の目視等)
  －庫内温度を確認
　－異音、外環の損傷、腐食、熱交換器の霜付等
　　冷媒のフロン類が漏えいしている徴候を確認</t>
    </r>
    <rPh sb="1" eb="3">
      <t>カンイ</t>
    </rPh>
    <rPh sb="3" eb="5">
      <t>テンケン</t>
    </rPh>
    <rPh sb="6" eb="8">
      <t>ジッシ</t>
    </rPh>
    <rPh sb="9" eb="10">
      <t>スベ</t>
    </rPh>
    <rPh sb="12" eb="14">
      <t>キキ</t>
    </rPh>
    <rPh sb="20" eb="21">
      <t>ゲツ</t>
    </rPh>
    <rPh sb="23" eb="24">
      <t>カイ</t>
    </rPh>
    <rPh sb="24" eb="26">
      <t>イジョウ</t>
    </rPh>
    <rPh sb="27" eb="29">
      <t>カンイ</t>
    </rPh>
    <rPh sb="29" eb="31">
      <t>テンケン</t>
    </rPh>
    <rPh sb="32" eb="34">
      <t>タントウ</t>
    </rPh>
    <rPh sb="34" eb="35">
      <t>シャ</t>
    </rPh>
    <rPh sb="36" eb="38">
      <t>モクシ</t>
    </rPh>
    <rPh sb="38" eb="39">
      <t>トウ</t>
    </rPh>
    <rPh sb="44" eb="45">
      <t>コ</t>
    </rPh>
    <rPh sb="45" eb="46">
      <t>ナイ</t>
    </rPh>
    <rPh sb="46" eb="48">
      <t>オンド</t>
    </rPh>
    <rPh sb="49" eb="51">
      <t>カクニン</t>
    </rPh>
    <rPh sb="54" eb="56">
      <t>イオン</t>
    </rPh>
    <rPh sb="57" eb="59">
      <t>ガイカン</t>
    </rPh>
    <rPh sb="60" eb="62">
      <t>ソンショウ</t>
    </rPh>
    <rPh sb="63" eb="65">
      <t>フショク</t>
    </rPh>
    <rPh sb="66" eb="70">
      <t>ネツコウカンキ</t>
    </rPh>
    <rPh sb="71" eb="72">
      <t>シモ</t>
    </rPh>
    <rPh sb="72" eb="73">
      <t>ヅケ</t>
    </rPh>
    <rPh sb="73" eb="74">
      <t>ナド</t>
    </rPh>
    <rPh sb="77" eb="79">
      <t>レイバイ</t>
    </rPh>
    <rPh sb="83" eb="84">
      <t>ルイ</t>
    </rPh>
    <rPh sb="92" eb="94">
      <t>チョウコウ</t>
    </rPh>
    <rPh sb="95" eb="97">
      <t>カクニン</t>
    </rPh>
    <phoneticPr fontId="2"/>
  </si>
  <si>
    <t>■定期点検の実施（一定規模以上の機器）■
・資格を有する者による定期点検
　－ 7.5以上50kW未満の空調機：３年に１回以上
　－ 50kW以上の空調機　　　 ：１年に１回以上
　－ 7.5kW以上の冷凍冷蔵機器：１年に１回以上</t>
    <rPh sb="1" eb="3">
      <t>テイキ</t>
    </rPh>
    <rPh sb="3" eb="5">
      <t>テンケン</t>
    </rPh>
    <rPh sb="6" eb="8">
      <t>ジッシ</t>
    </rPh>
    <rPh sb="9" eb="11">
      <t>イッテイ</t>
    </rPh>
    <rPh sb="11" eb="13">
      <t>キボ</t>
    </rPh>
    <rPh sb="13" eb="15">
      <t>イジョウ</t>
    </rPh>
    <rPh sb="16" eb="18">
      <t>キキ</t>
    </rPh>
    <rPh sb="22" eb="24">
      <t>シカク</t>
    </rPh>
    <rPh sb="25" eb="26">
      <t>ユウ</t>
    </rPh>
    <rPh sb="28" eb="29">
      <t>シャ</t>
    </rPh>
    <rPh sb="32" eb="34">
      <t>テイキ</t>
    </rPh>
    <rPh sb="34" eb="36">
      <t>テンケン</t>
    </rPh>
    <rPh sb="98" eb="100">
      <t>イジョウ</t>
    </rPh>
    <rPh sb="101" eb="103">
      <t>レイトウ</t>
    </rPh>
    <rPh sb="103" eb="105">
      <t>レイゾウ</t>
    </rPh>
    <rPh sb="105" eb="107">
      <t>キキ</t>
    </rPh>
    <rPh sb="109" eb="110">
      <t>ネン</t>
    </rPh>
    <rPh sb="112" eb="113">
      <t>カイ</t>
    </rPh>
    <rPh sb="113" eb="115">
      <t>イジョウ</t>
    </rPh>
    <phoneticPr fontId="2"/>
  </si>
  <si>
    <t>□定められた頻度で有資
　格者による点検を行っ
　たか（記録を確認）
□異常があった場合、修
　理を実施したか</t>
    <rPh sb="1" eb="2">
      <t>サダ</t>
    </rPh>
    <rPh sb="6" eb="8">
      <t>ヒンド</t>
    </rPh>
    <rPh sb="9" eb="10">
      <t>ユウ</t>
    </rPh>
    <rPh sb="10" eb="11">
      <t>シ</t>
    </rPh>
    <rPh sb="13" eb="14">
      <t>カク</t>
    </rPh>
    <rPh sb="14" eb="15">
      <t>シャ</t>
    </rPh>
    <rPh sb="18" eb="20">
      <t>テンケン</t>
    </rPh>
    <rPh sb="21" eb="22">
      <t>オコナ</t>
    </rPh>
    <rPh sb="28" eb="30">
      <t>キロク</t>
    </rPh>
    <rPh sb="31" eb="33">
      <t>カクニン</t>
    </rPh>
    <rPh sb="36" eb="38">
      <t>イジョウ</t>
    </rPh>
    <rPh sb="42" eb="44">
      <t>バアイ</t>
    </rPh>
    <rPh sb="45" eb="47">
      <t>シュウリ</t>
    </rPh>
    <rPh sb="48" eb="49">
      <t>センシュウ</t>
    </rPh>
    <rPh sb="50" eb="52">
      <t>ジッシ</t>
    </rPh>
    <phoneticPr fontId="2"/>
  </si>
  <si>
    <r>
      <t>■漏えい発見時の措置■
・速やかに漏えい箇所を修理する
・速やかに故障箇所を修理する
・修理までは再充</t>
    </r>
    <r>
      <rPr>
        <sz val="8"/>
        <color theme="1"/>
        <rFont val="ＭＳ 明朝"/>
        <family val="1"/>
        <charset val="128"/>
      </rPr>
      <t>塡を行わない</t>
    </r>
    <rPh sb="8" eb="10">
      <t>ソチ</t>
    </rPh>
    <rPh sb="13" eb="14">
      <t>スミ</t>
    </rPh>
    <rPh sb="29" eb="30">
      <t>スミ</t>
    </rPh>
    <rPh sb="33" eb="35">
      <t>コショウ</t>
    </rPh>
    <rPh sb="35" eb="37">
      <t>カショ</t>
    </rPh>
    <rPh sb="38" eb="40">
      <t>シュウリ</t>
    </rPh>
    <rPh sb="44" eb="46">
      <t>シュウリ</t>
    </rPh>
    <rPh sb="49" eb="50">
      <t>サイ</t>
    </rPh>
    <rPh sb="53" eb="54">
      <t>オコナ</t>
    </rPh>
    <phoneticPr fontId="2"/>
  </si>
  <si>
    <r>
      <t>□回収依頼書</t>
    </r>
    <r>
      <rPr>
        <sz val="8"/>
        <color theme="1"/>
        <rFont val="ＭＳ 明朝"/>
        <family val="1"/>
        <charset val="128"/>
      </rPr>
      <t>等を交付し
　たか
□回収依頼書等の写しは
３年間保存されているか</t>
    </r>
    <rPh sb="1" eb="3">
      <t>カイシュウ</t>
    </rPh>
    <rPh sb="3" eb="6">
      <t>イライショ</t>
    </rPh>
    <rPh sb="6" eb="7">
      <t>トウ</t>
    </rPh>
    <rPh sb="8" eb="10">
      <t>コウフ</t>
    </rPh>
    <rPh sb="17" eb="19">
      <t>カイシュウ</t>
    </rPh>
    <rPh sb="19" eb="22">
      <t>イライショ</t>
    </rPh>
    <rPh sb="22" eb="23">
      <t>トウ</t>
    </rPh>
    <rPh sb="24" eb="25">
      <t>ウツ</t>
    </rPh>
    <rPh sb="29" eb="31">
      <t>ネンカン</t>
    </rPh>
    <rPh sb="31" eb="32">
      <t>タモツ</t>
    </rPh>
    <rPh sb="32" eb="33">
      <t>ソン</t>
    </rPh>
    <phoneticPr fontId="2"/>
  </si>
  <si>
    <t>□３ヶ月に１回以上点検を
　行ったか(記録を確認)
□異常があった場合、専門
　点検や修理を実施したか</t>
    <rPh sb="3" eb="4">
      <t>ゲツ</t>
    </rPh>
    <rPh sb="6" eb="9">
      <t>カイイジョウ</t>
    </rPh>
    <rPh sb="9" eb="10">
      <t>テン</t>
    </rPh>
    <rPh sb="10" eb="11">
      <t>ケン</t>
    </rPh>
    <rPh sb="14" eb="15">
      <t>オコナ</t>
    </rPh>
    <rPh sb="19" eb="21">
      <t>キロク</t>
    </rPh>
    <rPh sb="22" eb="24">
      <t>カクニン</t>
    </rPh>
    <rPh sb="27" eb="29">
      <t>イジョウ</t>
    </rPh>
    <phoneticPr fontId="2"/>
  </si>
  <si>
    <r>
      <t>□漏えい等を発見した場合
　に速やかに</t>
    </r>
    <r>
      <rPr>
        <sz val="7.5"/>
        <color theme="1"/>
        <rFont val="ＭＳ 明朝"/>
        <family val="1"/>
        <charset val="128"/>
      </rPr>
      <t>漏えい箇所を
　特定し、修理等を実施し
　たか（記録を確認）</t>
    </r>
    <rPh sb="1" eb="2">
      <t>ロウ</t>
    </rPh>
    <rPh sb="4" eb="5">
      <t>ナド</t>
    </rPh>
    <rPh sb="6" eb="8">
      <t>ハッケン</t>
    </rPh>
    <rPh sb="10" eb="11">
      <t>バ</t>
    </rPh>
    <rPh sb="11" eb="12">
      <t>ゴウ</t>
    </rPh>
    <rPh sb="15" eb="16">
      <t>スミ</t>
    </rPh>
    <rPh sb="19" eb="20">
      <t>ロウ</t>
    </rPh>
    <rPh sb="22" eb="24">
      <t>カショ</t>
    </rPh>
    <rPh sb="27" eb="29">
      <t>トクテイ</t>
    </rPh>
    <rPh sb="31" eb="33">
      <t>シュウリ</t>
    </rPh>
    <rPh sb="33" eb="34">
      <t>トウ</t>
    </rPh>
    <rPh sb="35" eb="37">
      <t>ジッシ</t>
    </rPh>
    <rPh sb="43" eb="45">
      <t>キロク</t>
    </rPh>
    <rPh sb="46" eb="48">
      <t>カクニン</t>
    </rPh>
    <phoneticPr fontId="2"/>
  </si>
  <si>
    <r>
      <t>□フロン類を(漏えいが
　ないよう)充</t>
    </r>
    <r>
      <rPr>
        <sz val="8"/>
        <color theme="1"/>
        <rFont val="ＭＳ 明朝"/>
        <family val="1"/>
        <charset val="128"/>
      </rPr>
      <t>塡回収業
　者に引き渡したか
　（記録を確認）</t>
    </r>
    <rPh sb="4" eb="5">
      <t>ルイ</t>
    </rPh>
    <rPh sb="7" eb="8">
      <t>ロウ</t>
    </rPh>
    <rPh sb="20" eb="22">
      <t>カイシュウ</t>
    </rPh>
    <rPh sb="25" eb="26">
      <t>シャ</t>
    </rPh>
    <rPh sb="27" eb="28">
      <t>ヒ</t>
    </rPh>
    <rPh sb="29" eb="30">
      <t>ワタ</t>
    </rPh>
    <rPh sb="36" eb="38">
      <t>キロク</t>
    </rPh>
    <rPh sb="39" eb="41">
      <t>カクニン</t>
    </rPh>
    <phoneticPr fontId="2"/>
  </si>
  <si>
    <t>＜告示＞第一種特定製品の管理者の判断の基準となるべき事項</t>
    <rPh sb="1" eb="3">
      <t>コクジ</t>
    </rPh>
    <phoneticPr fontId="2"/>
  </si>
  <si>
    <t>自動車使用</t>
    <rPh sb="0" eb="3">
      <t>ジドウシャ</t>
    </rPh>
    <rPh sb="3" eb="5">
      <t>シヨウ</t>
    </rPh>
    <phoneticPr fontId="2"/>
  </si>
  <si>
    <t>自動車を使用したり、駐車場や車庫を管理する場合は、県生活環境保全条例の以下の条項が適用されます。</t>
    <rPh sb="0" eb="3">
      <t>ジドウシャ</t>
    </rPh>
    <rPh sb="4" eb="6">
      <t>シヨウ</t>
    </rPh>
    <rPh sb="10" eb="13">
      <t>チュウシャジョウ</t>
    </rPh>
    <rPh sb="14" eb="16">
      <t>シャコ</t>
    </rPh>
    <rPh sb="17" eb="19">
      <t>カンリ</t>
    </rPh>
    <rPh sb="21" eb="23">
      <t>バアイ</t>
    </rPh>
    <rPh sb="25" eb="26">
      <t>ケン</t>
    </rPh>
    <rPh sb="26" eb="28">
      <t>セイカツ</t>
    </rPh>
    <rPh sb="28" eb="30">
      <t>カンキョウ</t>
    </rPh>
    <rPh sb="30" eb="32">
      <t>ホゼン</t>
    </rPh>
    <rPh sb="32" eb="34">
      <t>ジョウレイ</t>
    </rPh>
    <rPh sb="35" eb="37">
      <t>イカ</t>
    </rPh>
    <rPh sb="38" eb="40">
      <t>ジョウコウ</t>
    </rPh>
    <rPh sb="41" eb="43">
      <t>テキヨウ</t>
    </rPh>
    <phoneticPr fontId="2"/>
  </si>
  <si>
    <t>Ｊ94Ⅱ</t>
    <phoneticPr fontId="2"/>
  </si>
  <si>
    <t>Ｊ95</t>
    <phoneticPr fontId="2"/>
  </si>
  <si>
    <t>Ｊ96-9Ⅰ</t>
    <phoneticPr fontId="2"/>
  </si>
  <si>
    <t>■アイドリング・ストップの推進■
・公用車の運転者にアイドリング・ストップを遵
　守させるよう指導する。</t>
    <rPh sb="13" eb="15">
      <t>スイシン</t>
    </rPh>
    <rPh sb="18" eb="21">
      <t>コウヨウシャ</t>
    </rPh>
    <rPh sb="22" eb="25">
      <t>ウンテンシャ</t>
    </rPh>
    <rPh sb="38" eb="39">
      <t>ジュン</t>
    </rPh>
    <rPh sb="41" eb="42">
      <t>モリ</t>
    </rPh>
    <rPh sb="47" eb="49">
      <t>シドウ</t>
    </rPh>
    <phoneticPr fontId="2"/>
  </si>
  <si>
    <t>■駐車場等の管理■
・駐車場や車庫の管理者は、利用者にアイドリン
　グ・ストップを指導するよう努める。
・500㎡以上の駐車場等の管理者は、看板等により
　当該施設利用者にアイドリング・ストップすべ
　きことを周知する。</t>
    <rPh sb="1" eb="3">
      <t>チュウシャ</t>
    </rPh>
    <rPh sb="3" eb="4">
      <t>ジョウ</t>
    </rPh>
    <rPh sb="4" eb="5">
      <t>トウ</t>
    </rPh>
    <rPh sb="6" eb="8">
      <t>カンリ</t>
    </rPh>
    <rPh sb="11" eb="14">
      <t>チュウシャジョウ</t>
    </rPh>
    <rPh sb="15" eb="17">
      <t>シャコ</t>
    </rPh>
    <rPh sb="18" eb="21">
      <t>カンリシャ</t>
    </rPh>
    <rPh sb="23" eb="26">
      <t>リヨウシャ</t>
    </rPh>
    <rPh sb="41" eb="43">
      <t>シドウ</t>
    </rPh>
    <rPh sb="47" eb="48">
      <t>ツト</t>
    </rPh>
    <rPh sb="57" eb="59">
      <t>イジョウ</t>
    </rPh>
    <rPh sb="60" eb="62">
      <t>チュウシャ</t>
    </rPh>
    <rPh sb="62" eb="63">
      <t>ジョウ</t>
    </rPh>
    <rPh sb="63" eb="64">
      <t>トウ</t>
    </rPh>
    <rPh sb="65" eb="68">
      <t>カンリシャ</t>
    </rPh>
    <rPh sb="70" eb="73">
      <t>カンバントウ</t>
    </rPh>
    <rPh sb="78" eb="80">
      <t>トウガイ</t>
    </rPh>
    <rPh sb="80" eb="82">
      <t>シセツ</t>
    </rPh>
    <rPh sb="82" eb="85">
      <t>リヨウシャ</t>
    </rPh>
    <rPh sb="105" eb="107">
      <t>シュウチ</t>
    </rPh>
    <phoneticPr fontId="2"/>
  </si>
  <si>
    <t>□燃料の購入先を確認 
　（軽油を購入している
　こと、市価に比べて著
　しく安い価格で購入し
　ていないこと）</t>
    <rPh sb="1" eb="3">
      <t>ネンリョウ</t>
    </rPh>
    <rPh sb="4" eb="6">
      <t>コウニュウ</t>
    </rPh>
    <rPh sb="6" eb="7">
      <t>サキ</t>
    </rPh>
    <rPh sb="8" eb="10">
      <t>カクニン</t>
    </rPh>
    <rPh sb="14" eb="16">
      <t>ケイユ</t>
    </rPh>
    <rPh sb="17" eb="19">
      <t>コウニュウ</t>
    </rPh>
    <rPh sb="28" eb="30">
      <t>シカ</t>
    </rPh>
    <rPh sb="31" eb="32">
      <t>クラ</t>
    </rPh>
    <rPh sb="34" eb="35">
      <t>イチジル</t>
    </rPh>
    <rPh sb="39" eb="40">
      <t>ヤス</t>
    </rPh>
    <rPh sb="41" eb="43">
      <t>カカク</t>
    </rPh>
    <rPh sb="44" eb="46">
      <t>コウニュウ</t>
    </rPh>
    <phoneticPr fontId="2"/>
  </si>
  <si>
    <t>□車検証の型式欄の記載
　を確認
　（記号なし、K-、N-、
　　P-、S-、U-、W-、
　　KA-、KB-、KC-
　　でないこと）</t>
    <rPh sb="1" eb="3">
      <t>シャケン</t>
    </rPh>
    <rPh sb="3" eb="4">
      <t>ショウ</t>
    </rPh>
    <rPh sb="5" eb="7">
      <t>カタシキ</t>
    </rPh>
    <rPh sb="7" eb="8">
      <t>ラン</t>
    </rPh>
    <rPh sb="9" eb="11">
      <t>キサイ</t>
    </rPh>
    <rPh sb="14" eb="16">
      <t>カクニン</t>
    </rPh>
    <rPh sb="19" eb="21">
      <t>キゴウ</t>
    </rPh>
    <phoneticPr fontId="2"/>
  </si>
  <si>
    <t>□看板等の設置の有無を
　確認</t>
    <rPh sb="1" eb="4">
      <t>カンバントウ</t>
    </rPh>
    <rPh sb="5" eb="7">
      <t>セッチ</t>
    </rPh>
    <rPh sb="8" eb="10">
      <t>ウム</t>
    </rPh>
    <rPh sb="13" eb="15">
      <t>カクニン</t>
    </rPh>
    <phoneticPr fontId="2"/>
  </si>
  <si>
    <t>□駐車、停車時のアイド
　リング・ストップの状
　況を確認</t>
    <rPh sb="1" eb="3">
      <t>チュウシャ</t>
    </rPh>
    <rPh sb="4" eb="6">
      <t>テイシャ</t>
    </rPh>
    <rPh sb="6" eb="7">
      <t>ジ</t>
    </rPh>
    <rPh sb="22" eb="23">
      <t>ジョウ</t>
    </rPh>
    <rPh sb="25" eb="26">
      <t>キョウ</t>
    </rPh>
    <rPh sb="27" eb="29">
      <t>カクニン</t>
    </rPh>
    <phoneticPr fontId="2"/>
  </si>
  <si>
    <t>■設置届の提出■
・ばい煙発生施設を設置する場合は、工事開始60
　日前までに知事に届出を行う
※設置時のみの規定です</t>
    <rPh sb="1" eb="3">
      <t>セッチ</t>
    </rPh>
    <rPh sb="3" eb="4">
      <t>トド</t>
    </rPh>
    <rPh sb="5" eb="7">
      <t>テイシュツ</t>
    </rPh>
    <rPh sb="12" eb="13">
      <t>ケムリ</t>
    </rPh>
    <rPh sb="13" eb="15">
      <t>ハッセイ</t>
    </rPh>
    <rPh sb="15" eb="17">
      <t>シセツ</t>
    </rPh>
    <rPh sb="18" eb="20">
      <t>セッチ</t>
    </rPh>
    <rPh sb="22" eb="24">
      <t>バアイ</t>
    </rPh>
    <rPh sb="26" eb="28">
      <t>コウジ</t>
    </rPh>
    <rPh sb="28" eb="30">
      <t>カイシ</t>
    </rPh>
    <rPh sb="34" eb="35">
      <t>ヒ</t>
    </rPh>
    <rPh sb="35" eb="36">
      <t>マエ</t>
    </rPh>
    <rPh sb="39" eb="41">
      <t>チジ</t>
    </rPh>
    <rPh sb="42" eb="44">
      <t>トドケデ</t>
    </rPh>
    <rPh sb="45" eb="46">
      <t>オコナ</t>
    </rPh>
    <rPh sb="49" eb="51">
      <t>セッチ</t>
    </rPh>
    <rPh sb="51" eb="52">
      <t>ジ</t>
    </rPh>
    <rPh sb="55" eb="57">
      <t>キテイ</t>
    </rPh>
    <phoneticPr fontId="2"/>
  </si>
  <si>
    <t>■設置届の提出■
・特定施設を設置する場合は、工事開始30日前ま
　でに、市町村長に届出を行う
※設置時のみの規定です</t>
    <rPh sb="1" eb="3">
      <t>セッチ</t>
    </rPh>
    <rPh sb="3" eb="4">
      <t>トド</t>
    </rPh>
    <rPh sb="5" eb="7">
      <t>テイシュツ</t>
    </rPh>
    <rPh sb="10" eb="12">
      <t>トクテイ</t>
    </rPh>
    <rPh sb="12" eb="14">
      <t>シセツ</t>
    </rPh>
    <rPh sb="15" eb="17">
      <t>セッチ</t>
    </rPh>
    <rPh sb="19" eb="21">
      <t>バアイ</t>
    </rPh>
    <rPh sb="23" eb="25">
      <t>コウジ</t>
    </rPh>
    <rPh sb="25" eb="27">
      <t>カイシ</t>
    </rPh>
    <rPh sb="29" eb="30">
      <t>ヒ</t>
    </rPh>
    <rPh sb="30" eb="31">
      <t>マエ</t>
    </rPh>
    <rPh sb="37" eb="39">
      <t>シチョウ</t>
    </rPh>
    <rPh sb="39" eb="41">
      <t>ソンチョウ</t>
    </rPh>
    <rPh sb="42" eb="44">
      <t>トドケデ</t>
    </rPh>
    <rPh sb="45" eb="46">
      <t>オコナ</t>
    </rPh>
    <rPh sb="49" eb="51">
      <t>セッチ</t>
    </rPh>
    <rPh sb="51" eb="52">
      <t>ジ</t>
    </rPh>
    <rPh sb="55" eb="57">
      <t>キテイ</t>
    </rPh>
    <phoneticPr fontId="2"/>
  </si>
  <si>
    <t>■危険物の貯蔵所・取扱所の設置許可■
・危険物の貯蔵所・取扱所の設置／変更には、区
　分に応じ、市町村長等の許可を受ける
・使用にあたり完成検査を受ける
※設置時又は変更時のみの規定です</t>
    <rPh sb="1" eb="4">
      <t>キケンブツ</t>
    </rPh>
    <rPh sb="5" eb="7">
      <t>チョゾウ</t>
    </rPh>
    <rPh sb="7" eb="8">
      <t>ショ</t>
    </rPh>
    <rPh sb="9" eb="11">
      <t>トリアツカイ</t>
    </rPh>
    <rPh sb="11" eb="12">
      <t>ショ</t>
    </rPh>
    <rPh sb="13" eb="15">
      <t>セッチ</t>
    </rPh>
    <rPh sb="15" eb="17">
      <t>キョカ</t>
    </rPh>
    <rPh sb="28" eb="30">
      <t>トリアツカイ</t>
    </rPh>
    <rPh sb="30" eb="31">
      <t>ショ</t>
    </rPh>
    <rPh sb="32" eb="34">
      <t>セッチ</t>
    </rPh>
    <rPh sb="35" eb="37">
      <t>ヘンコウ</t>
    </rPh>
    <rPh sb="40" eb="41">
      <t>ク</t>
    </rPh>
    <rPh sb="43" eb="44">
      <t>ブン</t>
    </rPh>
    <rPh sb="45" eb="46">
      <t>オウ</t>
    </rPh>
    <rPh sb="48" eb="51">
      <t>シチョウソン</t>
    </rPh>
    <rPh sb="51" eb="52">
      <t>チョウ</t>
    </rPh>
    <rPh sb="52" eb="53">
      <t>トウ</t>
    </rPh>
    <rPh sb="54" eb="56">
      <t>キョカ</t>
    </rPh>
    <rPh sb="57" eb="58">
      <t>ウ</t>
    </rPh>
    <rPh sb="62" eb="64">
      <t>シヨウ</t>
    </rPh>
    <rPh sb="68" eb="70">
      <t>カンセイ</t>
    </rPh>
    <rPh sb="70" eb="72">
      <t>ケンサ</t>
    </rPh>
    <rPh sb="73" eb="74">
      <t>ウ</t>
    </rPh>
    <rPh sb="78" eb="80">
      <t>セッチ</t>
    </rPh>
    <rPh sb="80" eb="81">
      <t>ジ</t>
    </rPh>
    <rPh sb="81" eb="82">
      <t>マタ</t>
    </rPh>
    <rPh sb="83" eb="85">
      <t>ヘンコウ</t>
    </rPh>
    <rPh sb="85" eb="86">
      <t>ジ</t>
    </rPh>
    <rPh sb="89" eb="91">
      <t>キテイ</t>
    </rPh>
    <phoneticPr fontId="2"/>
  </si>
  <si>
    <t>■設置届の提出■
・廃棄物焼却炉等の特定施設を設置するときは、
　施設の構造、使用方法等を知事に届出を行う
※設置時のみの規定です</t>
    <rPh sb="1" eb="3">
      <t>セッチ</t>
    </rPh>
    <rPh sb="3" eb="4">
      <t>トド</t>
    </rPh>
    <rPh sb="5" eb="7">
      <t>テイシュツ</t>
    </rPh>
    <rPh sb="10" eb="13">
      <t>ハイキブツ</t>
    </rPh>
    <rPh sb="13" eb="15">
      <t>ショウキャク</t>
    </rPh>
    <rPh sb="15" eb="16">
      <t>ロ</t>
    </rPh>
    <rPh sb="16" eb="17">
      <t>トウ</t>
    </rPh>
    <rPh sb="18" eb="20">
      <t>トクテイ</t>
    </rPh>
    <rPh sb="20" eb="22">
      <t>シセツ</t>
    </rPh>
    <rPh sb="23" eb="25">
      <t>セッチ</t>
    </rPh>
    <rPh sb="33" eb="35">
      <t>シセツ</t>
    </rPh>
    <rPh sb="36" eb="38">
      <t>コウゾウ</t>
    </rPh>
    <rPh sb="39" eb="41">
      <t>シヨウ</t>
    </rPh>
    <rPh sb="41" eb="43">
      <t>ホウホウ</t>
    </rPh>
    <rPh sb="43" eb="44">
      <t>トウ</t>
    </rPh>
    <rPh sb="45" eb="47">
      <t>チジ</t>
    </rPh>
    <rPh sb="48" eb="50">
      <t>トドケデ</t>
    </rPh>
    <rPh sb="51" eb="52">
      <t>オコナ</t>
    </rPh>
    <rPh sb="55" eb="57">
      <t>セッチ</t>
    </rPh>
    <rPh sb="57" eb="58">
      <t>ジ</t>
    </rPh>
    <rPh sb="61" eb="63">
      <t>キテイ</t>
    </rPh>
    <phoneticPr fontId="2"/>
  </si>
  <si>
    <r>
      <t>■使用開始／変更届の提出■（共通）
・公共下水道使用開始又は変更時に、下水の量・
　水質を、</t>
    </r>
    <r>
      <rPr>
        <sz val="8"/>
        <rFont val="ＭＳ 明朝"/>
        <family val="1"/>
        <charset val="128"/>
      </rPr>
      <t>市町村に届出
※設置(使用開始)時又は変更時のみの規定です</t>
    </r>
    <rPh sb="1" eb="3">
      <t>シヨウ</t>
    </rPh>
    <rPh sb="3" eb="5">
      <t>カイシ</t>
    </rPh>
    <rPh sb="6" eb="8">
      <t>ヘンコウ</t>
    </rPh>
    <rPh sb="8" eb="9">
      <t>トド</t>
    </rPh>
    <rPh sb="10" eb="12">
      <t>テイシュツ</t>
    </rPh>
    <rPh sb="14" eb="16">
      <t>キョウツウ</t>
    </rPh>
    <rPh sb="19" eb="21">
      <t>コウキョウ</t>
    </rPh>
    <rPh sb="21" eb="24">
      <t>ゲスイドウ</t>
    </rPh>
    <rPh sb="24" eb="26">
      <t>シヨウ</t>
    </rPh>
    <rPh sb="26" eb="28">
      <t>カイシ</t>
    </rPh>
    <rPh sb="28" eb="29">
      <t>マタ</t>
    </rPh>
    <rPh sb="30" eb="32">
      <t>ヘンコウ</t>
    </rPh>
    <rPh sb="32" eb="33">
      <t>ジ</t>
    </rPh>
    <rPh sb="35" eb="37">
      <t>ゲスイ</t>
    </rPh>
    <rPh sb="38" eb="39">
      <t>リョウ</t>
    </rPh>
    <rPh sb="42" eb="44">
      <t>スイシツ</t>
    </rPh>
    <rPh sb="46" eb="49">
      <t>シチョウソン</t>
    </rPh>
    <rPh sb="50" eb="52">
      <t>トドケデ</t>
    </rPh>
    <rPh sb="54" eb="56">
      <t>セッチ</t>
    </rPh>
    <rPh sb="57" eb="59">
      <t>シヨウ</t>
    </rPh>
    <rPh sb="59" eb="61">
      <t>カイシ</t>
    </rPh>
    <rPh sb="62" eb="63">
      <t>ジ</t>
    </rPh>
    <rPh sb="63" eb="64">
      <t>マタ</t>
    </rPh>
    <rPh sb="65" eb="67">
      <t>ヘンコウ</t>
    </rPh>
    <rPh sb="67" eb="68">
      <t>ジ</t>
    </rPh>
    <rPh sb="71" eb="73">
      <t>キテイ</t>
    </rPh>
    <phoneticPr fontId="2"/>
  </si>
  <si>
    <t>ＰＣＢ廃棄物
特措法</t>
    <rPh sb="3" eb="6">
      <t>ハイキブツ</t>
    </rPh>
    <rPh sb="7" eb="10">
      <t>トクソホウ</t>
    </rPh>
    <phoneticPr fontId="2"/>
  </si>
  <si>
    <t>□届出を確認</t>
    <phoneticPr fontId="2"/>
  </si>
  <si>
    <t>Ｈ８
Ｋ21
Ｋ28</t>
    <phoneticPr fontId="2"/>
  </si>
  <si>
    <t>■変更の届出（ＰＣＢ廃棄物の保管事業者及び高濃度ＰＣＢ使用製品の所有事業者）■
・ＰＣＢ廃棄物の保管の場所及び高濃度ＰＣＢ使用製品の所在の場所を変更した場合は、変更のあった日から10日以内に、知事又は政令市長に届出
（高濃度ＰＣＢ廃棄物についてはＪＥＳＣＯ事業エリア内の移動に限る）
（高濃度ＰＣＢ使用製品のうち、電気事業法に規定される電気工作物は、同法で措置されるため、適用しない）</t>
    <rPh sb="1" eb="3">
      <t>ヘンコウ</t>
    </rPh>
    <rPh sb="4" eb="6">
      <t>トドケデ</t>
    </rPh>
    <rPh sb="10" eb="13">
      <t>ハイキブツ</t>
    </rPh>
    <rPh sb="14" eb="16">
      <t>ホカン</t>
    </rPh>
    <rPh sb="16" eb="19">
      <t>ジギョウシャ</t>
    </rPh>
    <rPh sb="19" eb="20">
      <t>オヨ</t>
    </rPh>
    <rPh sb="21" eb="24">
      <t>コウノウド</t>
    </rPh>
    <rPh sb="27" eb="29">
      <t>シヨウ</t>
    </rPh>
    <rPh sb="29" eb="31">
      <t>セイヒン</t>
    </rPh>
    <rPh sb="32" eb="34">
      <t>ショユウ</t>
    </rPh>
    <rPh sb="34" eb="37">
      <t>ジギョウシャ</t>
    </rPh>
    <rPh sb="44" eb="47">
      <t>ハイキブツ</t>
    </rPh>
    <rPh sb="48" eb="50">
      <t>ホカン</t>
    </rPh>
    <rPh sb="51" eb="53">
      <t>バショ</t>
    </rPh>
    <rPh sb="53" eb="54">
      <t>オヨ</t>
    </rPh>
    <rPh sb="55" eb="58">
      <t>コウノウド</t>
    </rPh>
    <rPh sb="61" eb="63">
      <t>シヨウ</t>
    </rPh>
    <rPh sb="63" eb="65">
      <t>セイヒン</t>
    </rPh>
    <rPh sb="66" eb="68">
      <t>ショザイ</t>
    </rPh>
    <rPh sb="69" eb="71">
      <t>バショ</t>
    </rPh>
    <rPh sb="72" eb="74">
      <t>ヘンコウ</t>
    </rPh>
    <rPh sb="76" eb="78">
      <t>バアイ</t>
    </rPh>
    <rPh sb="80" eb="82">
      <t>ヘンコウ</t>
    </rPh>
    <rPh sb="86" eb="87">
      <t>ヒ</t>
    </rPh>
    <rPh sb="91" eb="92">
      <t>ニチ</t>
    </rPh>
    <rPh sb="92" eb="94">
      <t>イナイ</t>
    </rPh>
    <rPh sb="96" eb="98">
      <t>チジ</t>
    </rPh>
    <rPh sb="98" eb="99">
      <t>マタ</t>
    </rPh>
    <rPh sb="100" eb="102">
      <t>セイレイ</t>
    </rPh>
    <rPh sb="102" eb="104">
      <t>シチョウ</t>
    </rPh>
    <rPh sb="105" eb="107">
      <t>トドケデ</t>
    </rPh>
    <rPh sb="109" eb="112">
      <t>コウノウド</t>
    </rPh>
    <rPh sb="115" eb="118">
      <t>ハイキブツ</t>
    </rPh>
    <rPh sb="128" eb="130">
      <t>ジギョウ</t>
    </rPh>
    <rPh sb="133" eb="134">
      <t>ナイ</t>
    </rPh>
    <rPh sb="135" eb="137">
      <t>イドウ</t>
    </rPh>
    <rPh sb="138" eb="139">
      <t>カギ</t>
    </rPh>
    <phoneticPr fontId="2"/>
  </si>
  <si>
    <t>□所在地の変更の有無
□届出を確認</t>
    <rPh sb="1" eb="3">
      <t>ショザイ</t>
    </rPh>
    <rPh sb="3" eb="4">
      <t>チ</t>
    </rPh>
    <rPh sb="5" eb="7">
      <t>ヘンコウ</t>
    </rPh>
    <rPh sb="8" eb="10">
      <t>ウム</t>
    </rPh>
    <phoneticPr fontId="2"/>
  </si>
  <si>
    <t>■処分終了の届出（高濃度ＰＣＢ廃棄物の保管事業者）■
・全ての高濃度ＰＣＢ廃棄物の処分が終了した場合、処分委託した日（契約の締結日）から20日以内に、知事又は政令市長に届出</t>
    <rPh sb="1" eb="3">
      <t>ショブン</t>
    </rPh>
    <rPh sb="3" eb="5">
      <t>シュウリョウ</t>
    </rPh>
    <rPh sb="6" eb="8">
      <t>トドケデ</t>
    </rPh>
    <rPh sb="9" eb="12">
      <t>コウノウド</t>
    </rPh>
    <rPh sb="15" eb="18">
      <t>ハイキブツ</t>
    </rPh>
    <rPh sb="19" eb="21">
      <t>ホカン</t>
    </rPh>
    <rPh sb="21" eb="24">
      <t>ジギョウシャ</t>
    </rPh>
    <rPh sb="28" eb="29">
      <t>スベ</t>
    </rPh>
    <rPh sb="31" eb="34">
      <t>コウノウド</t>
    </rPh>
    <rPh sb="37" eb="40">
      <t>ハイキブツ</t>
    </rPh>
    <rPh sb="41" eb="43">
      <t>ショブン</t>
    </rPh>
    <rPh sb="44" eb="46">
      <t>シュウリョウ</t>
    </rPh>
    <rPh sb="48" eb="50">
      <t>バアイ</t>
    </rPh>
    <rPh sb="51" eb="53">
      <t>ショブン</t>
    </rPh>
    <rPh sb="53" eb="55">
      <t>イタク</t>
    </rPh>
    <rPh sb="57" eb="58">
      <t>ヒ</t>
    </rPh>
    <rPh sb="59" eb="61">
      <t>ケイヤク</t>
    </rPh>
    <rPh sb="62" eb="64">
      <t>テイケツ</t>
    </rPh>
    <rPh sb="64" eb="65">
      <t>ビ</t>
    </rPh>
    <rPh sb="70" eb="71">
      <t>ニチ</t>
    </rPh>
    <rPh sb="71" eb="73">
      <t>イナイ</t>
    </rPh>
    <rPh sb="75" eb="77">
      <t>チジ</t>
    </rPh>
    <rPh sb="77" eb="78">
      <t>マタ</t>
    </rPh>
    <rPh sb="79" eb="81">
      <t>セイレイ</t>
    </rPh>
    <rPh sb="81" eb="83">
      <t>シチョウ</t>
    </rPh>
    <rPh sb="84" eb="86">
      <t>トドケデ</t>
    </rPh>
    <phoneticPr fontId="2"/>
  </si>
  <si>
    <t>□事業所内全ての高濃度ＰＣＢ廃棄物を処分したか確認
□届出を確認</t>
    <rPh sb="8" eb="11">
      <t>コウノウド</t>
    </rPh>
    <rPh sb="14" eb="17">
      <t>ハイキブツ</t>
    </rPh>
    <phoneticPr fontId="2"/>
  </si>
  <si>
    <t>■処分終了の届出（低濃度ＰＣＢ廃棄物の保管事業者）■
・全ての低濃度ＰＣＢ廃棄物の処分が終了した場合、処分委託した日（契約の締結日）から20日以内に、知事又は政令市長に届出</t>
    <rPh sb="1" eb="3">
      <t>ショブン</t>
    </rPh>
    <rPh sb="3" eb="5">
      <t>シュウリョウ</t>
    </rPh>
    <rPh sb="6" eb="8">
      <t>トドケデ</t>
    </rPh>
    <rPh sb="9" eb="12">
      <t>テイノウド</t>
    </rPh>
    <rPh sb="15" eb="18">
      <t>ハイキブツ</t>
    </rPh>
    <rPh sb="19" eb="21">
      <t>ホカン</t>
    </rPh>
    <rPh sb="21" eb="24">
      <t>ジギョウシャ</t>
    </rPh>
    <rPh sb="28" eb="29">
      <t>スベ</t>
    </rPh>
    <rPh sb="31" eb="34">
      <t>テイノウド</t>
    </rPh>
    <rPh sb="37" eb="40">
      <t>ハイキブツ</t>
    </rPh>
    <rPh sb="41" eb="43">
      <t>ショブン</t>
    </rPh>
    <rPh sb="44" eb="46">
      <t>シュウリョウ</t>
    </rPh>
    <rPh sb="48" eb="50">
      <t>バアイ</t>
    </rPh>
    <rPh sb="51" eb="53">
      <t>ショブン</t>
    </rPh>
    <rPh sb="53" eb="55">
      <t>イタク</t>
    </rPh>
    <rPh sb="57" eb="58">
      <t>ヒ</t>
    </rPh>
    <rPh sb="59" eb="61">
      <t>ケイヤク</t>
    </rPh>
    <rPh sb="62" eb="64">
      <t>テイケツ</t>
    </rPh>
    <rPh sb="64" eb="65">
      <t>ビ</t>
    </rPh>
    <rPh sb="70" eb="71">
      <t>ニチ</t>
    </rPh>
    <rPh sb="71" eb="73">
      <t>イナイ</t>
    </rPh>
    <rPh sb="75" eb="77">
      <t>チジ</t>
    </rPh>
    <rPh sb="77" eb="78">
      <t>マタ</t>
    </rPh>
    <rPh sb="79" eb="81">
      <t>セイレイ</t>
    </rPh>
    <rPh sb="81" eb="83">
      <t>シチョウ</t>
    </rPh>
    <rPh sb="84" eb="86">
      <t>トドケデ</t>
    </rPh>
    <phoneticPr fontId="2"/>
  </si>
  <si>
    <t>□事業所内全ての低濃度ＰＣＢ廃棄物を処分したか確認
□届出を確認</t>
    <rPh sb="8" eb="11">
      <t>テイノウド</t>
    </rPh>
    <phoneticPr fontId="2"/>
  </si>
  <si>
    <t>■廃棄終了の届出（高濃度ＰＣＢ使用製品の所有事業者）■
・全ての高濃度ＰＣＢ使用製品の使用を止めて廃棄物として保管する場合、廃棄物とした日から20日以内に、知事又は政令市長に届出
（廃棄とは、ＰＣＢ使用製品の使用を止め、廃棄物とすることをいう）
（高濃度ＰＣＢ使用製品のうち、電気事業法に規定される電気工作物は、同法で措置されるため、適用しない）</t>
    <rPh sb="1" eb="3">
      <t>ハイキ</t>
    </rPh>
    <rPh sb="3" eb="5">
      <t>シュウリョウ</t>
    </rPh>
    <rPh sb="6" eb="8">
      <t>トドケデ</t>
    </rPh>
    <rPh sb="9" eb="12">
      <t>コウノウド</t>
    </rPh>
    <rPh sb="15" eb="17">
      <t>シヨウ</t>
    </rPh>
    <rPh sb="17" eb="19">
      <t>セイヒン</t>
    </rPh>
    <rPh sb="20" eb="22">
      <t>ショユウ</t>
    </rPh>
    <rPh sb="22" eb="25">
      <t>ジギョウシャ</t>
    </rPh>
    <rPh sb="29" eb="30">
      <t>スベ</t>
    </rPh>
    <rPh sb="32" eb="35">
      <t>コウノウド</t>
    </rPh>
    <rPh sb="38" eb="40">
      <t>シヨウ</t>
    </rPh>
    <rPh sb="40" eb="42">
      <t>セイヒン</t>
    </rPh>
    <rPh sb="43" eb="45">
      <t>シヨウ</t>
    </rPh>
    <rPh sb="46" eb="47">
      <t>ヤ</t>
    </rPh>
    <rPh sb="49" eb="52">
      <t>ハイキブツ</t>
    </rPh>
    <rPh sb="55" eb="57">
      <t>ホカン</t>
    </rPh>
    <rPh sb="59" eb="61">
      <t>バアイ</t>
    </rPh>
    <rPh sb="68" eb="69">
      <t>ヒ</t>
    </rPh>
    <rPh sb="73" eb="74">
      <t>ニチ</t>
    </rPh>
    <rPh sb="74" eb="76">
      <t>イナイ</t>
    </rPh>
    <rPh sb="78" eb="80">
      <t>チジ</t>
    </rPh>
    <rPh sb="80" eb="81">
      <t>マタ</t>
    </rPh>
    <rPh sb="82" eb="84">
      <t>セイレイ</t>
    </rPh>
    <rPh sb="84" eb="86">
      <t>シチョウ</t>
    </rPh>
    <rPh sb="87" eb="89">
      <t>トドケデ</t>
    </rPh>
    <rPh sb="91" eb="93">
      <t>ハイキ</t>
    </rPh>
    <rPh sb="99" eb="101">
      <t>シヨウ</t>
    </rPh>
    <rPh sb="101" eb="103">
      <t>セイヒン</t>
    </rPh>
    <rPh sb="104" eb="106">
      <t>シヨウ</t>
    </rPh>
    <rPh sb="107" eb="108">
      <t>ヤ</t>
    </rPh>
    <rPh sb="110" eb="113">
      <t>ハイキブツ</t>
    </rPh>
    <phoneticPr fontId="2"/>
  </si>
  <si>
    <t>□事業所内全ての高濃度ＰＣＢ使用製品を廃棄したか確認
□届出を確認</t>
    <rPh sb="1" eb="4">
      <t>ジギョウショ</t>
    </rPh>
    <rPh sb="4" eb="5">
      <t>ナイ</t>
    </rPh>
    <rPh sb="5" eb="6">
      <t>スベ</t>
    </rPh>
    <rPh sb="8" eb="11">
      <t>コウノウド</t>
    </rPh>
    <rPh sb="14" eb="16">
      <t>シヨウ</t>
    </rPh>
    <rPh sb="16" eb="18">
      <t>セイヒン</t>
    </rPh>
    <rPh sb="19" eb="21">
      <t>ハイキ</t>
    </rPh>
    <rPh sb="24" eb="26">
      <t>カクニン</t>
    </rPh>
    <phoneticPr fontId="2"/>
  </si>
  <si>
    <t>Ｈ10
Ｈ14
Ｈ18</t>
    <phoneticPr fontId="2"/>
  </si>
  <si>
    <t>■期間内の処分■
・保管事業者及び所有事業者は処分期間内にＰＣＢを処分</t>
    <phoneticPr fontId="2"/>
  </si>
  <si>
    <t>□使用中の変圧器・コンデンサー・安定器など、ＰＣＢが含まれている恐れのある機器を全て把握しているか。</t>
    <rPh sb="1" eb="4">
      <t>シヨウチュウ</t>
    </rPh>
    <rPh sb="5" eb="8">
      <t>ヘンアツキ</t>
    </rPh>
    <rPh sb="16" eb="19">
      <t>アンテイキ</t>
    </rPh>
    <rPh sb="26" eb="27">
      <t>フク</t>
    </rPh>
    <rPh sb="32" eb="33">
      <t>オソ</t>
    </rPh>
    <rPh sb="37" eb="39">
      <t>キキ</t>
    </rPh>
    <rPh sb="40" eb="41">
      <t>スベ</t>
    </rPh>
    <rPh sb="42" eb="44">
      <t>ハアク</t>
    </rPh>
    <phoneticPr fontId="2"/>
  </si>
  <si>
    <t>□上記確認の結果、低濃度の恐れがある場合、濃度分析を行ったか。</t>
    <phoneticPr fontId="2"/>
  </si>
  <si>
    <t>□変圧器・コンデンサーについて、銘板等で機器の重さを把握しているか。</t>
    <phoneticPr fontId="2"/>
  </si>
  <si>
    <r>
      <t>変圧器</t>
    </r>
    <r>
      <rPr>
        <sz val="9"/>
        <rFont val="ＭＳ 明朝"/>
        <family val="2"/>
        <charset val="128"/>
      </rPr>
      <t>・コンデンサ</t>
    </r>
    <r>
      <rPr>
        <sz val="9"/>
        <rFont val="ＭＳ 明朝"/>
        <family val="1"/>
        <charset val="128"/>
      </rPr>
      <t>ー</t>
    </r>
    <r>
      <rPr>
        <sz val="9"/>
        <rFont val="ＭＳ 明朝"/>
        <family val="2"/>
        <charset val="128"/>
      </rPr>
      <t>・安定器等で、ＰＣＢを含む機器を保管</t>
    </r>
    <r>
      <rPr>
        <sz val="9"/>
        <rFont val="ＭＳ 明朝"/>
        <family val="1"/>
        <charset val="128"/>
      </rPr>
      <t>及び使用</t>
    </r>
    <r>
      <rPr>
        <sz val="9"/>
        <rFont val="ＭＳ 明朝"/>
        <family val="2"/>
        <charset val="128"/>
      </rPr>
      <t>している場合</t>
    </r>
    <r>
      <rPr>
        <sz val="9"/>
        <rFont val="ＭＳ 明朝"/>
        <family val="1"/>
        <charset val="128"/>
      </rPr>
      <t>、特別管理産業廃棄物に係る廃棄物処理法の規定の他、ポリ塩</t>
    </r>
    <r>
      <rPr>
        <sz val="9"/>
        <rFont val="ＭＳ 明朝"/>
        <family val="2"/>
        <charset val="128"/>
      </rPr>
      <t>化ビフェニル廃棄物の適正な処理の推進に関する特別措置法（ＰＣＢ廃棄物特措法）などの以下の条項が適用され、適正に保管を行うとともに、</t>
    </r>
    <r>
      <rPr>
        <sz val="9"/>
        <rFont val="ＭＳ 明朝"/>
        <family val="1"/>
        <charset val="128"/>
      </rPr>
      <t>処分期間内</t>
    </r>
    <r>
      <rPr>
        <sz val="9"/>
        <rFont val="ＭＳ 明朝"/>
        <family val="2"/>
        <charset val="128"/>
      </rPr>
      <t>に確実に処分する必要があります。</t>
    </r>
    <rPh sb="0" eb="3">
      <t>ヘンアツキ</t>
    </rPh>
    <rPh sb="11" eb="13">
      <t>アンテイ</t>
    </rPh>
    <rPh sb="13" eb="14">
      <t>キ</t>
    </rPh>
    <rPh sb="14" eb="15">
      <t>トウ</t>
    </rPh>
    <rPh sb="21" eb="22">
      <t>フク</t>
    </rPh>
    <rPh sb="23" eb="25">
      <t>キキ</t>
    </rPh>
    <rPh sb="26" eb="28">
      <t>ホカン</t>
    </rPh>
    <rPh sb="28" eb="29">
      <t>オヨ</t>
    </rPh>
    <rPh sb="30" eb="32">
      <t>シヨウ</t>
    </rPh>
    <rPh sb="36" eb="38">
      <t>バアイ</t>
    </rPh>
    <rPh sb="39" eb="41">
      <t>トクベツ</t>
    </rPh>
    <rPh sb="41" eb="43">
      <t>カンリ</t>
    </rPh>
    <rPh sb="43" eb="45">
      <t>サンギョウ</t>
    </rPh>
    <rPh sb="45" eb="48">
      <t>ハイキブツ</t>
    </rPh>
    <rPh sb="49" eb="50">
      <t>カカ</t>
    </rPh>
    <rPh sb="51" eb="54">
      <t>ハイキブツ</t>
    </rPh>
    <rPh sb="54" eb="57">
      <t>ショリホウ</t>
    </rPh>
    <rPh sb="58" eb="60">
      <t>キテイ</t>
    </rPh>
    <rPh sb="61" eb="62">
      <t>ホカ</t>
    </rPh>
    <rPh sb="65" eb="67">
      <t>エンカ</t>
    </rPh>
    <rPh sb="72" eb="74">
      <t>ハイキ</t>
    </rPh>
    <rPh sb="74" eb="75">
      <t>ブツ</t>
    </rPh>
    <rPh sb="76" eb="78">
      <t>テキセイ</t>
    </rPh>
    <rPh sb="79" eb="81">
      <t>ショリ</t>
    </rPh>
    <rPh sb="82" eb="84">
      <t>スイシン</t>
    </rPh>
    <rPh sb="85" eb="86">
      <t>カン</t>
    </rPh>
    <rPh sb="88" eb="90">
      <t>トクベツ</t>
    </rPh>
    <rPh sb="90" eb="93">
      <t>ソチホウ</t>
    </rPh>
    <rPh sb="97" eb="100">
      <t>ハイキブツ</t>
    </rPh>
    <rPh sb="100" eb="103">
      <t>トクソホウ</t>
    </rPh>
    <rPh sb="107" eb="109">
      <t>イカ</t>
    </rPh>
    <rPh sb="110" eb="112">
      <t>ジョウコウ</t>
    </rPh>
    <rPh sb="113" eb="115">
      <t>テキヨウ</t>
    </rPh>
    <rPh sb="118" eb="120">
      <t>テキセイ</t>
    </rPh>
    <rPh sb="121" eb="123">
      <t>ホカン</t>
    </rPh>
    <rPh sb="124" eb="125">
      <t>オコナ</t>
    </rPh>
    <rPh sb="131" eb="133">
      <t>ショブン</t>
    </rPh>
    <rPh sb="133" eb="135">
      <t>キカン</t>
    </rPh>
    <rPh sb="135" eb="136">
      <t>ナイ</t>
    </rPh>
    <rPh sb="137" eb="139">
      <t>カクジツ</t>
    </rPh>
    <rPh sb="140" eb="142">
      <t>ショブン</t>
    </rPh>
    <rPh sb="144" eb="146">
      <t>ヒツヨウ</t>
    </rPh>
    <phoneticPr fontId="2"/>
  </si>
  <si>
    <r>
      <t>■事業者の責務■
・ＰＣＢ廃棄物</t>
    </r>
    <r>
      <rPr>
        <sz val="8"/>
        <rFont val="ＭＳ 明朝"/>
        <family val="1"/>
        <charset val="128"/>
      </rPr>
      <t>及びＰＣＢ使用製品</t>
    </r>
    <r>
      <rPr>
        <sz val="8"/>
        <rFont val="ＭＳ 明朝"/>
        <family val="2"/>
        <charset val="128"/>
      </rPr>
      <t>を自らの責任において確実かつ適正に処理しなければならない。</t>
    </r>
    <rPh sb="1" eb="4">
      <t>ジギョウシャ</t>
    </rPh>
    <rPh sb="5" eb="7">
      <t>セキム</t>
    </rPh>
    <rPh sb="13" eb="16">
      <t>ハイキブツ</t>
    </rPh>
    <rPh sb="16" eb="17">
      <t>オヨ</t>
    </rPh>
    <rPh sb="21" eb="23">
      <t>シヨウ</t>
    </rPh>
    <rPh sb="23" eb="25">
      <t>セイヒン</t>
    </rPh>
    <rPh sb="26" eb="27">
      <t>ミズカ</t>
    </rPh>
    <rPh sb="29" eb="31">
      <t>セキニン</t>
    </rPh>
    <rPh sb="35" eb="37">
      <t>カクジツ</t>
    </rPh>
    <rPh sb="39" eb="40">
      <t>テキ</t>
    </rPh>
    <rPh sb="40" eb="41">
      <t>マサ</t>
    </rPh>
    <rPh sb="42" eb="44">
      <t>ショリ</t>
    </rPh>
    <phoneticPr fontId="2"/>
  </si>
  <si>
    <r>
      <t>■期間内の処分</t>
    </r>
    <r>
      <rPr>
        <sz val="8"/>
        <rFont val="ＭＳ 明朝"/>
        <family val="1"/>
        <charset val="128"/>
      </rPr>
      <t>（高濃度ＰＣＢ廃棄物の保管事業者）</t>
    </r>
    <r>
      <rPr>
        <sz val="8"/>
        <rFont val="ＭＳ 明朝"/>
        <family val="2"/>
        <charset val="128"/>
      </rPr>
      <t>■
・</t>
    </r>
    <r>
      <rPr>
        <sz val="8"/>
        <rFont val="ＭＳ 明朝"/>
        <family val="1"/>
        <charset val="128"/>
      </rPr>
      <t>保管事業者</t>
    </r>
    <r>
      <rPr>
        <sz val="8"/>
        <rFont val="ＭＳ 明朝"/>
        <family val="2"/>
        <charset val="128"/>
      </rPr>
      <t>は</t>
    </r>
    <r>
      <rPr>
        <sz val="8"/>
        <rFont val="ＭＳ 明朝"/>
        <family val="1"/>
        <charset val="128"/>
      </rPr>
      <t>処分期間内に高濃度ＰＣＢ廃棄物</t>
    </r>
    <r>
      <rPr>
        <sz val="8"/>
        <rFont val="ＭＳ 明朝"/>
        <family val="2"/>
        <charset val="128"/>
      </rPr>
      <t>を処分</t>
    </r>
    <rPh sb="1" eb="4">
      <t>キカンナイ</t>
    </rPh>
    <rPh sb="5" eb="7">
      <t>ショブン</t>
    </rPh>
    <rPh sb="8" eb="11">
      <t>コウノウド</t>
    </rPh>
    <rPh sb="14" eb="17">
      <t>ハイキブツ</t>
    </rPh>
    <rPh sb="18" eb="20">
      <t>ホカン</t>
    </rPh>
    <rPh sb="20" eb="23">
      <t>ジギョウシャ</t>
    </rPh>
    <rPh sb="27" eb="29">
      <t>ホカン</t>
    </rPh>
    <rPh sb="29" eb="32">
      <t>ジギョウシャ</t>
    </rPh>
    <rPh sb="33" eb="35">
      <t>ショブン</t>
    </rPh>
    <rPh sb="35" eb="37">
      <t>キカン</t>
    </rPh>
    <rPh sb="37" eb="38">
      <t>ナイ</t>
    </rPh>
    <rPh sb="39" eb="42">
      <t>コウノウド</t>
    </rPh>
    <rPh sb="45" eb="48">
      <t>ハイキブツ</t>
    </rPh>
    <rPh sb="49" eb="51">
      <t>ショブン</t>
    </rPh>
    <phoneticPr fontId="2"/>
  </si>
  <si>
    <r>
      <t>■期間内の処分（低濃度ＰＣＢ廃棄物の保管事業者）■
・</t>
    </r>
    <r>
      <rPr>
        <sz val="8"/>
        <rFont val="ＭＳ 明朝"/>
        <family val="1"/>
        <charset val="128"/>
      </rPr>
      <t>保管事業者は処分期間内に低濃度ＰＣＢ廃棄物を処分</t>
    </r>
    <rPh sb="1" eb="4">
      <t>キカンナイ</t>
    </rPh>
    <rPh sb="5" eb="7">
      <t>ショブン</t>
    </rPh>
    <rPh sb="8" eb="11">
      <t>テイノウド</t>
    </rPh>
    <rPh sb="14" eb="17">
      <t>ハイキブツ</t>
    </rPh>
    <rPh sb="18" eb="20">
      <t>ホカン</t>
    </rPh>
    <rPh sb="20" eb="23">
      <t>ジギョウシャ</t>
    </rPh>
    <rPh sb="27" eb="29">
      <t>ホカン</t>
    </rPh>
    <rPh sb="29" eb="32">
      <t>ジギョウシャ</t>
    </rPh>
    <rPh sb="33" eb="35">
      <t>ショブン</t>
    </rPh>
    <rPh sb="35" eb="37">
      <t>キカン</t>
    </rPh>
    <rPh sb="37" eb="38">
      <t>ナイ</t>
    </rPh>
    <rPh sb="39" eb="42">
      <t>テイノウド</t>
    </rPh>
    <rPh sb="45" eb="47">
      <t>ハイキ</t>
    </rPh>
    <rPh sb="47" eb="48">
      <t>ブツ</t>
    </rPh>
    <rPh sb="49" eb="51">
      <t>ショブン</t>
    </rPh>
    <phoneticPr fontId="2"/>
  </si>
  <si>
    <r>
      <t>■期間内の処分（高濃度ＰＣＢ使用製品の所有事業者）■
・</t>
    </r>
    <r>
      <rPr>
        <sz val="8"/>
        <rFont val="ＭＳ 明朝"/>
        <family val="1"/>
        <charset val="128"/>
      </rPr>
      <t>所有事業者は処分期間内に高濃度ＰＣＢ使用製品の使用を止めて廃棄物とする
（高濃度ＰＣＢ使用製品のうち、電気事業法に規定される電気工作物は、同法で措置されるため、適用しない）</t>
    </r>
    <rPh sb="1" eb="4">
      <t>キカンナイ</t>
    </rPh>
    <rPh sb="5" eb="7">
      <t>ショブン</t>
    </rPh>
    <rPh sb="8" eb="11">
      <t>コウノウド</t>
    </rPh>
    <rPh sb="14" eb="16">
      <t>シヨウ</t>
    </rPh>
    <rPh sb="16" eb="18">
      <t>セイヒン</t>
    </rPh>
    <rPh sb="19" eb="21">
      <t>ショユウ</t>
    </rPh>
    <rPh sb="21" eb="24">
      <t>ジギョウシャ</t>
    </rPh>
    <rPh sb="28" eb="30">
      <t>ショユウ</t>
    </rPh>
    <rPh sb="30" eb="33">
      <t>ジギョウシャ</t>
    </rPh>
    <rPh sb="34" eb="36">
      <t>ショブン</t>
    </rPh>
    <rPh sb="36" eb="38">
      <t>キカン</t>
    </rPh>
    <rPh sb="38" eb="39">
      <t>ナイ</t>
    </rPh>
    <rPh sb="40" eb="43">
      <t>コウノウド</t>
    </rPh>
    <rPh sb="46" eb="48">
      <t>シヨウ</t>
    </rPh>
    <rPh sb="48" eb="50">
      <t>セイヒン</t>
    </rPh>
    <rPh sb="51" eb="53">
      <t>シヨウ</t>
    </rPh>
    <rPh sb="54" eb="55">
      <t>ヤ</t>
    </rPh>
    <rPh sb="57" eb="60">
      <t>ハイキブツ</t>
    </rPh>
    <rPh sb="97" eb="99">
      <t>ドウホウ</t>
    </rPh>
    <rPh sb="100" eb="102">
      <t>ソチ</t>
    </rPh>
    <phoneticPr fontId="2"/>
  </si>
  <si>
    <r>
      <t>■保管等の届出</t>
    </r>
    <r>
      <rPr>
        <sz val="8"/>
        <rFont val="ＭＳ 明朝"/>
        <family val="1"/>
        <charset val="128"/>
      </rPr>
      <t>（ＰＣＢ廃棄物の保管事業者及びＰＣＢ使用製品の所有事業者）</t>
    </r>
    <r>
      <rPr>
        <sz val="8"/>
        <rFont val="ＭＳ 明朝"/>
        <family val="2"/>
        <charset val="128"/>
      </rPr>
      <t>■
・ＰＣＢ廃棄物を保管している</t>
    </r>
    <r>
      <rPr>
        <sz val="8"/>
        <rFont val="ＭＳ 明朝"/>
        <family val="1"/>
        <charset val="128"/>
      </rPr>
      <t>保管事業者及びＰＣＢ使用製品を所有している所有事業者</t>
    </r>
    <r>
      <rPr>
        <sz val="8"/>
        <rFont val="ＭＳ 明朝"/>
        <family val="2"/>
        <charset val="128"/>
      </rPr>
      <t>は、毎年６月30日までに、前年度の</t>
    </r>
    <r>
      <rPr>
        <sz val="8"/>
        <rFont val="ＭＳ 明朝"/>
        <family val="1"/>
        <charset val="128"/>
      </rPr>
      <t>ＰＣＢ廃棄物の</t>
    </r>
    <r>
      <rPr>
        <sz val="8"/>
        <rFont val="ＭＳ 明朝"/>
        <family val="2"/>
        <charset val="128"/>
      </rPr>
      <t>保管及び処分の状況及び</t>
    </r>
    <r>
      <rPr>
        <sz val="8"/>
        <rFont val="ＭＳ 明朝"/>
        <family val="1"/>
        <charset val="128"/>
      </rPr>
      <t>ＰＣＢ使用製品の廃棄の見込み等</t>
    </r>
    <r>
      <rPr>
        <sz val="8"/>
        <rFont val="ＭＳ 明朝"/>
        <family val="2"/>
        <charset val="128"/>
      </rPr>
      <t xml:space="preserve">を、知事又は政令市長に届出
</t>
    </r>
    <r>
      <rPr>
        <sz val="8"/>
        <rFont val="ＭＳ 明朝"/>
        <family val="1"/>
        <charset val="128"/>
      </rPr>
      <t>（高濃度ＰＣＢ使用製品のうち、電気事業法に規定される電気工作物は、同法で措置されるため、適用しない）</t>
    </r>
    <rPh sb="1" eb="4">
      <t>ホカントウ</t>
    </rPh>
    <rPh sb="5" eb="7">
      <t>トドケデ</t>
    </rPh>
    <rPh sb="11" eb="14">
      <t>ハイキブツ</t>
    </rPh>
    <rPh sb="15" eb="17">
      <t>ホカン</t>
    </rPh>
    <rPh sb="17" eb="20">
      <t>ジギョウシャ</t>
    </rPh>
    <rPh sb="20" eb="21">
      <t>オヨ</t>
    </rPh>
    <rPh sb="25" eb="27">
      <t>シヨウ</t>
    </rPh>
    <rPh sb="27" eb="29">
      <t>セイヒン</t>
    </rPh>
    <rPh sb="30" eb="32">
      <t>ショユウ</t>
    </rPh>
    <rPh sb="32" eb="35">
      <t>ジギョウシャ</t>
    </rPh>
    <rPh sb="42" eb="45">
      <t>ハイキブツ</t>
    </rPh>
    <rPh sb="46" eb="48">
      <t>ホカン</t>
    </rPh>
    <rPh sb="52" eb="54">
      <t>ホカン</t>
    </rPh>
    <rPh sb="54" eb="57">
      <t>ジギョウシャ</t>
    </rPh>
    <rPh sb="57" eb="58">
      <t>オヨ</t>
    </rPh>
    <rPh sb="62" eb="64">
      <t>シヨウ</t>
    </rPh>
    <rPh sb="64" eb="66">
      <t>セイヒン</t>
    </rPh>
    <rPh sb="67" eb="69">
      <t>ショユウ</t>
    </rPh>
    <rPh sb="73" eb="75">
      <t>ショユウ</t>
    </rPh>
    <rPh sb="75" eb="78">
      <t>ジギョウシャ</t>
    </rPh>
    <rPh sb="80" eb="82">
      <t>マイトシ</t>
    </rPh>
    <rPh sb="83" eb="84">
      <t>ツキ</t>
    </rPh>
    <rPh sb="86" eb="87">
      <t>ヒ</t>
    </rPh>
    <rPh sb="91" eb="94">
      <t>ゼンネンド</t>
    </rPh>
    <rPh sb="98" eb="101">
      <t>ハイキブツ</t>
    </rPh>
    <rPh sb="102" eb="103">
      <t>タモツ</t>
    </rPh>
    <rPh sb="103" eb="104">
      <t>カン</t>
    </rPh>
    <rPh sb="104" eb="105">
      <t>オヨ</t>
    </rPh>
    <rPh sb="106" eb="108">
      <t>ショブン</t>
    </rPh>
    <rPh sb="109" eb="111">
      <t>ジョウキョウ</t>
    </rPh>
    <rPh sb="111" eb="112">
      <t>オヨ</t>
    </rPh>
    <rPh sb="116" eb="118">
      <t>シヨウ</t>
    </rPh>
    <rPh sb="118" eb="120">
      <t>セイヒン</t>
    </rPh>
    <rPh sb="121" eb="123">
      <t>ハイキ</t>
    </rPh>
    <rPh sb="124" eb="126">
      <t>ミコ</t>
    </rPh>
    <rPh sb="127" eb="128">
      <t>トウ</t>
    </rPh>
    <rPh sb="130" eb="132">
      <t>チジ</t>
    </rPh>
    <rPh sb="132" eb="133">
      <t>マタ</t>
    </rPh>
    <rPh sb="134" eb="136">
      <t>セイレイ</t>
    </rPh>
    <rPh sb="136" eb="138">
      <t>シチョウ</t>
    </rPh>
    <rPh sb="139" eb="141">
      <t>トドケデ</t>
    </rPh>
    <phoneticPr fontId="2"/>
  </si>
  <si>
    <t>Ｋ34の2の８</t>
  </si>
  <si>
    <t>□リスクアセスメントを
　実施したか</t>
    <rPh sb="13" eb="15">
      <t>ジッシ</t>
    </rPh>
    <phoneticPr fontId="2"/>
  </si>
  <si>
    <t>□リスクアセスメント
　結果等を周知したか</t>
    <rPh sb="14" eb="15">
      <t>トウ</t>
    </rPh>
    <rPh sb="16" eb="18">
      <t>シュウチ</t>
    </rPh>
    <phoneticPr fontId="2"/>
  </si>
  <si>
    <t>■リスクアセスメント結果等の周知■
・対象物質を取り扱う従業員に、名称・業務内容
　・リスクアセスメント結果・リスク低減措置を
  　作業場への掲示、書面の交付等により周知
    する</t>
    <rPh sb="10" eb="12">
      <t>ケッカ</t>
    </rPh>
    <rPh sb="12" eb="13">
      <t>トウ</t>
    </rPh>
    <rPh sb="14" eb="16">
      <t>シュウチ</t>
    </rPh>
    <rPh sb="33" eb="35">
      <t>メイショウ</t>
    </rPh>
    <rPh sb="36" eb="38">
      <t>ギョウム</t>
    </rPh>
    <rPh sb="38" eb="40">
      <t>ナイヨウ</t>
    </rPh>
    <rPh sb="52" eb="54">
      <t>ケッカ</t>
    </rPh>
    <rPh sb="58" eb="60">
      <t>テイゲン</t>
    </rPh>
    <rPh sb="60" eb="62">
      <t>ソチ</t>
    </rPh>
    <rPh sb="67" eb="69">
      <t>サギョウ</t>
    </rPh>
    <rPh sb="69" eb="70">
      <t>ジョウ</t>
    </rPh>
    <rPh sb="72" eb="74">
      <t>ケイジ</t>
    </rPh>
    <rPh sb="75" eb="77">
      <t>ショメン</t>
    </rPh>
    <rPh sb="78" eb="80">
      <t>コウフ</t>
    </rPh>
    <rPh sb="80" eb="81">
      <t>トウ</t>
    </rPh>
    <rPh sb="84" eb="86">
      <t>シュウチ</t>
    </rPh>
    <phoneticPr fontId="2"/>
  </si>
  <si>
    <t>第1.2版を作成（毒物・劇物の保管等のシートに労働安全衛生法の条文を追加）</t>
    <rPh sb="0" eb="1">
      <t>ダイ</t>
    </rPh>
    <rPh sb="4" eb="5">
      <t>ハン</t>
    </rPh>
    <rPh sb="6" eb="8">
      <t>サクセイ</t>
    </rPh>
    <rPh sb="23" eb="25">
      <t>ロウドウ</t>
    </rPh>
    <rPh sb="25" eb="27">
      <t>アンゼン</t>
    </rPh>
    <rPh sb="27" eb="30">
      <t>エイセイホウ</t>
    </rPh>
    <rPh sb="31" eb="33">
      <t>ジョウブン</t>
    </rPh>
    <rPh sb="34" eb="36">
      <t>ツイカ</t>
    </rPh>
    <phoneticPr fontId="2"/>
  </si>
  <si>
    <r>
      <t>第1.1版を作成</t>
    </r>
    <r>
      <rPr>
        <sz val="8"/>
        <rFont val="ＭＳ 明朝"/>
        <family val="1"/>
        <charset val="128"/>
      </rPr>
      <t>（ＰＣＢ廃棄物に係るシートを追加）</t>
    </r>
    <rPh sb="0" eb="1">
      <t>ダイ</t>
    </rPh>
    <rPh sb="4" eb="5">
      <t>ハン</t>
    </rPh>
    <rPh sb="6" eb="8">
      <t>サクセイ</t>
    </rPh>
    <rPh sb="12" eb="15">
      <t>ハイ</t>
    </rPh>
    <rPh sb="16" eb="17">
      <t>カカ</t>
    </rPh>
    <rPh sb="22" eb="24">
      <t>ツイカ</t>
    </rPh>
    <phoneticPr fontId="2"/>
  </si>
  <si>
    <t>■リスクアセスメントの実施■
・一定の危険性・有害性のある化学物質（★）を
　取り扱う事業場では、危険性又は有害性等の調
  査（リスクアセスメント）を実施
　★施行令別表第９及び別表第３第１号で規定
　※実施時期：対象物質の新規採用時・変更時、
　　　　　　　対象物質取扱作業手順の変更時等 
■労働安全衛生法の改正について（ラベル・リスクアセスメント関係）・厚生労働省ホームページ
http://www.mhlw.go.jp/stf/seisakunitsuite/bunya/0000094015.html</t>
    <rPh sb="11" eb="13">
      <t>ジッシ</t>
    </rPh>
    <rPh sb="16" eb="18">
      <t>イッテイ</t>
    </rPh>
    <rPh sb="19" eb="22">
      <t>キケンセイ</t>
    </rPh>
    <rPh sb="23" eb="26">
      <t>ユウガイセイ</t>
    </rPh>
    <rPh sb="29" eb="31">
      <t>カガク</t>
    </rPh>
    <rPh sb="31" eb="33">
      <t>ブッシツ</t>
    </rPh>
    <rPh sb="39" eb="40">
      <t>ト</t>
    </rPh>
    <rPh sb="41" eb="42">
      <t>アツカ</t>
    </rPh>
    <rPh sb="43" eb="46">
      <t>ジギョウジョウ</t>
    </rPh>
    <rPh sb="52" eb="53">
      <t>マタ</t>
    </rPh>
    <rPh sb="54" eb="57">
      <t>ユウガイセイ</t>
    </rPh>
    <rPh sb="57" eb="58">
      <t>トウ</t>
    </rPh>
    <rPh sb="76" eb="78">
      <t>ジッシ</t>
    </rPh>
    <rPh sb="81" eb="84">
      <t>セコウレイ</t>
    </rPh>
    <rPh sb="84" eb="86">
      <t>ベッピョウ</t>
    </rPh>
    <rPh sb="86" eb="87">
      <t>ダイ</t>
    </rPh>
    <rPh sb="88" eb="89">
      <t>オヨ</t>
    </rPh>
    <rPh sb="98" eb="100">
      <t>キテイ</t>
    </rPh>
    <rPh sb="103" eb="105">
      <t>ジッシ</t>
    </rPh>
    <rPh sb="105" eb="107">
      <t>ジキ</t>
    </rPh>
    <rPh sb="115" eb="117">
      <t>サイヨウ</t>
    </rPh>
    <rPh sb="117" eb="118">
      <t>ジ</t>
    </rPh>
    <rPh sb="119" eb="121">
      <t>ヘンコウ</t>
    </rPh>
    <rPh sb="121" eb="122">
      <t>ジ</t>
    </rPh>
    <rPh sb="131" eb="133">
      <t>タイショウ</t>
    </rPh>
    <rPh sb="133" eb="135">
      <t>ブッシツ</t>
    </rPh>
    <rPh sb="135" eb="137">
      <t>トリアツカイ</t>
    </rPh>
    <rPh sb="137" eb="139">
      <t>サギョウ</t>
    </rPh>
    <rPh sb="139" eb="141">
      <t>テジュン</t>
    </rPh>
    <rPh sb="142" eb="144">
      <t>ヘンコウ</t>
    </rPh>
    <rPh sb="144" eb="145">
      <t>ジ</t>
    </rPh>
    <rPh sb="145" eb="146">
      <t>トウ</t>
    </rPh>
    <rPh sb="181" eb="183">
      <t>コウセイ</t>
    </rPh>
    <rPh sb="183" eb="186">
      <t>ロウドウショウ</t>
    </rPh>
    <phoneticPr fontId="2"/>
  </si>
  <si>
    <t>Ｈ10
Ｈ11</t>
    <phoneticPr fontId="2"/>
  </si>
  <si>
    <t>Ｈ14</t>
    <phoneticPr fontId="2"/>
  </si>
  <si>
    <t>Ｈ14の
２</t>
    <phoneticPr fontId="2"/>
  </si>
  <si>
    <t>Ｊ31</t>
    <phoneticPr fontId="2"/>
  </si>
  <si>
    <t>・</t>
    <phoneticPr fontId="2"/>
  </si>
  <si>
    <t xml:space="preserve">・
</t>
    <phoneticPr fontId="2"/>
  </si>
  <si>
    <t>・</t>
    <phoneticPr fontId="2"/>
  </si>
  <si>
    <t xml:space="preserve">・
</t>
    <phoneticPr fontId="2"/>
  </si>
  <si>
    <t>※</t>
    <phoneticPr fontId="2"/>
  </si>
  <si>
    <t>□マニフェスト（Ｂ2・
　Ｄ・Ｅ票）は全て期限
　内に戻ってきているか
 （返却期限を超過して
　いる場合、知事等へ報
　告したか）</t>
    <phoneticPr fontId="2"/>
  </si>
  <si>
    <t>□これまでに交付したマ
　ニフェスト（Ａ・Ｂ2
　・Ｄ・Ｅ票）は５年間
　保存されているか</t>
    <phoneticPr fontId="2"/>
  </si>
  <si>
    <r>
      <t xml:space="preserve">・交付したマニフェストのＡ票を５年間保存する
</t>
    </r>
    <r>
      <rPr>
        <sz val="8"/>
        <rFont val="ＭＳ 明朝"/>
        <family val="1"/>
        <charset val="128"/>
      </rPr>
      <t xml:space="preserve"> (Ｋ８の21の2)
・マニフェストの写し（Ｂ2・Ｄ・Ｅ票）が返送
　されたときは、運搬又は処分が終了したことを
　確認し、５年間保存する(Ｋ８の26)</t>
    </r>
    <phoneticPr fontId="2"/>
  </si>
  <si>
    <r>
      <t>Ｈ12の３
Ｋ８の20・21・</t>
    </r>
    <r>
      <rPr>
        <sz val="8"/>
        <rFont val="ＭＳ 明朝"/>
        <family val="1"/>
        <charset val="128"/>
      </rPr>
      <t>21の2・26～29</t>
    </r>
    <phoneticPr fontId="2"/>
  </si>
  <si>
    <t>Ｒ6の2
Ｋ8の4</t>
    <phoneticPr fontId="2"/>
  </si>
  <si>
    <t>Ｒ6の2
Ｋ8の4の3</t>
    <phoneticPr fontId="2"/>
  </si>
  <si>
    <t>Ｒ6の2
Ｋ8の4の2</t>
    <phoneticPr fontId="2"/>
  </si>
  <si>
    <t>Ｈ12
Ｒ6の2
Ｋ8の2の8
Ｋ8の3</t>
    <phoneticPr fontId="2"/>
  </si>
  <si>
    <t>Ｈ12
Ｋ８</t>
    <phoneticPr fontId="2"/>
  </si>
  <si>
    <t>Ｈ12</t>
    <phoneticPr fontId="2"/>
  </si>
  <si>
    <t>廃棄物の処理及び清掃に関する法律</t>
    <phoneticPr fontId="2"/>
  </si>
  <si>
    <t>水銀による環境の汚染の防止に関する法律</t>
    <rPh sb="0" eb="2">
      <t>スイギン</t>
    </rPh>
    <rPh sb="5" eb="7">
      <t>カンキョウ</t>
    </rPh>
    <rPh sb="8" eb="10">
      <t>オセン</t>
    </rPh>
    <rPh sb="11" eb="13">
      <t>ボウシ</t>
    </rPh>
    <rPh sb="14" eb="15">
      <t>カン</t>
    </rPh>
    <rPh sb="17" eb="19">
      <t>ホウリツ</t>
    </rPh>
    <phoneticPr fontId="2"/>
  </si>
  <si>
    <t xml:space="preserve">■水銀等の貯蔵について■
・特定の水銀等（★）の貯蔵する際には、水銀による環境の汚染防止関する法律に基づく水銀等の貯蔵に関するガイドラインに従い、適切に管理を行う。
★対象となる水銀等の種類
・水銀（水銀以外の金属との合金に含まれる場合を含む）
・塩化第一水銀
・酸化第二水銀
・硫酸第二水銀
・硝酸第二水銀・硝酸第二水銀水和物
・硫化水銀
</t>
    <rPh sb="1" eb="3">
      <t>スイギン</t>
    </rPh>
    <rPh sb="3" eb="4">
      <t>ナド</t>
    </rPh>
    <rPh sb="5" eb="7">
      <t>チョゾウ</t>
    </rPh>
    <rPh sb="14" eb="16">
      <t>トクテイ</t>
    </rPh>
    <rPh sb="17" eb="19">
      <t>スイギン</t>
    </rPh>
    <rPh sb="19" eb="20">
      <t>ナド</t>
    </rPh>
    <rPh sb="24" eb="26">
      <t>チョゾウ</t>
    </rPh>
    <rPh sb="28" eb="29">
      <t>サイ</t>
    </rPh>
    <rPh sb="50" eb="51">
      <t>モト</t>
    </rPh>
    <rPh sb="53" eb="55">
      <t>スイギン</t>
    </rPh>
    <rPh sb="55" eb="56">
      <t>ナド</t>
    </rPh>
    <rPh sb="57" eb="59">
      <t>チョゾウ</t>
    </rPh>
    <rPh sb="60" eb="61">
      <t>カン</t>
    </rPh>
    <rPh sb="70" eb="71">
      <t>シタガ</t>
    </rPh>
    <rPh sb="73" eb="75">
      <t>テキセツ</t>
    </rPh>
    <rPh sb="76" eb="78">
      <t>カンリ</t>
    </rPh>
    <rPh sb="79" eb="80">
      <t>オコナ</t>
    </rPh>
    <rPh sb="84" eb="86">
      <t>タイショウ</t>
    </rPh>
    <rPh sb="89" eb="91">
      <t>スイギン</t>
    </rPh>
    <rPh sb="91" eb="92">
      <t>ナド</t>
    </rPh>
    <rPh sb="93" eb="95">
      <t>シュルイ</t>
    </rPh>
    <rPh sb="97" eb="99">
      <t>スイギン</t>
    </rPh>
    <rPh sb="100" eb="102">
      <t>スイギン</t>
    </rPh>
    <rPh sb="102" eb="104">
      <t>イガイ</t>
    </rPh>
    <rPh sb="105" eb="107">
      <t>キンゾク</t>
    </rPh>
    <rPh sb="109" eb="111">
      <t>ゴウキン</t>
    </rPh>
    <rPh sb="112" eb="113">
      <t>フク</t>
    </rPh>
    <rPh sb="116" eb="118">
      <t>バアイ</t>
    </rPh>
    <rPh sb="119" eb="120">
      <t>フク</t>
    </rPh>
    <rPh sb="124" eb="126">
      <t>エンカ</t>
    </rPh>
    <rPh sb="126" eb="127">
      <t>ダイ</t>
    </rPh>
    <rPh sb="127" eb="128">
      <t>イチ</t>
    </rPh>
    <rPh sb="128" eb="130">
      <t>スイギン</t>
    </rPh>
    <rPh sb="132" eb="134">
      <t>サンカ</t>
    </rPh>
    <rPh sb="134" eb="135">
      <t>ダイ</t>
    </rPh>
    <rPh sb="135" eb="136">
      <t>ニ</t>
    </rPh>
    <rPh sb="136" eb="138">
      <t>スイギン</t>
    </rPh>
    <rPh sb="140" eb="142">
      <t>リュウサン</t>
    </rPh>
    <rPh sb="142" eb="144">
      <t>ダイニ</t>
    </rPh>
    <rPh sb="144" eb="146">
      <t>スイギン</t>
    </rPh>
    <rPh sb="148" eb="150">
      <t>ショウサン</t>
    </rPh>
    <rPh sb="150" eb="152">
      <t>ダイニ</t>
    </rPh>
    <rPh sb="152" eb="154">
      <t>スイギン</t>
    </rPh>
    <rPh sb="155" eb="157">
      <t>ショウサン</t>
    </rPh>
    <rPh sb="157" eb="159">
      <t>ダイニ</t>
    </rPh>
    <rPh sb="159" eb="161">
      <t>スイギン</t>
    </rPh>
    <rPh sb="161" eb="163">
      <t>スイワ</t>
    </rPh>
    <rPh sb="163" eb="164">
      <t>ブツ</t>
    </rPh>
    <rPh sb="166" eb="168">
      <t>リュウカ</t>
    </rPh>
    <rPh sb="168" eb="170">
      <t>スイギン</t>
    </rPh>
    <phoneticPr fontId="2"/>
  </si>
  <si>
    <t>■貯蔵に関する報告■
・年間特定の水銀等を最大量が30kg以上貯蔵した場合、国へ貯蔵に関する報告書の届出</t>
    <rPh sb="1" eb="3">
      <t>チョゾウ</t>
    </rPh>
    <rPh sb="4" eb="5">
      <t>カン</t>
    </rPh>
    <rPh sb="7" eb="9">
      <t>ホウコク</t>
    </rPh>
    <rPh sb="12" eb="14">
      <t>ネンカン</t>
    </rPh>
    <rPh sb="14" eb="16">
      <t>トクテイ</t>
    </rPh>
    <rPh sb="17" eb="19">
      <t>スイギン</t>
    </rPh>
    <rPh sb="19" eb="20">
      <t>ナド</t>
    </rPh>
    <rPh sb="21" eb="23">
      <t>サイダイ</t>
    </rPh>
    <rPh sb="23" eb="24">
      <t>リョウ</t>
    </rPh>
    <rPh sb="29" eb="31">
      <t>イジョウ</t>
    </rPh>
    <rPh sb="31" eb="33">
      <t>チョゾウ</t>
    </rPh>
    <rPh sb="35" eb="37">
      <t>バアイ</t>
    </rPh>
    <rPh sb="38" eb="39">
      <t>クニ</t>
    </rPh>
    <rPh sb="40" eb="42">
      <t>チョゾウ</t>
    </rPh>
    <rPh sb="43" eb="44">
      <t>カン</t>
    </rPh>
    <rPh sb="46" eb="49">
      <t>ホウコクショ</t>
    </rPh>
    <rPh sb="50" eb="51">
      <t>トドケ</t>
    </rPh>
    <rPh sb="51" eb="52">
      <t>デ</t>
    </rPh>
    <phoneticPr fontId="2"/>
  </si>
  <si>
    <t>□毎年度の４月１日から６月30日までに、前年度の報告を行っているか</t>
    <rPh sb="1" eb="3">
      <t>マイネン</t>
    </rPh>
    <rPh sb="3" eb="4">
      <t>ド</t>
    </rPh>
    <rPh sb="6" eb="7">
      <t>ツキ</t>
    </rPh>
    <rPh sb="8" eb="9">
      <t>ニチ</t>
    </rPh>
    <rPh sb="12" eb="13">
      <t>ツキ</t>
    </rPh>
    <rPh sb="15" eb="16">
      <t>ニチ</t>
    </rPh>
    <rPh sb="20" eb="23">
      <t>ゼンネンド</t>
    </rPh>
    <rPh sb="24" eb="26">
      <t>ホウコク</t>
    </rPh>
    <rPh sb="27" eb="28">
      <t>オコナ</t>
    </rPh>
    <phoneticPr fontId="2"/>
  </si>
  <si>
    <t>Ｈ 23</t>
    <phoneticPr fontId="2"/>
  </si>
  <si>
    <t>■水銀含有再生資源の管理■
・水銀含有再生資源（★）について、水銀により環境の汚染の防止に関する法律に基づく水銀含有再生資源の管理に関するガイドラインに基づき、管理を行う
　★水銀等又はこれらを含有する物のうち、水銀の含有量に関する要件に該当し、かつ水銀の回収等の再生利用が行われるもの（廃棄物処理法上の廃棄物を除く。）であって有用なもの。
例：使用済みの水銀使用製品（水銀を含有するボタン電池）であって、貴金属等を回収する業者に売却する意思決定がされているもの</t>
    <rPh sb="1" eb="3">
      <t>スイギン</t>
    </rPh>
    <rPh sb="3" eb="5">
      <t>ガンユウ</t>
    </rPh>
    <rPh sb="5" eb="7">
      <t>サイセイ</t>
    </rPh>
    <rPh sb="7" eb="9">
      <t>シゲン</t>
    </rPh>
    <rPh sb="10" eb="12">
      <t>カンリ</t>
    </rPh>
    <rPh sb="15" eb="17">
      <t>スイギン</t>
    </rPh>
    <rPh sb="17" eb="19">
      <t>ガンユウ</t>
    </rPh>
    <rPh sb="19" eb="21">
      <t>サイセイ</t>
    </rPh>
    <rPh sb="21" eb="23">
      <t>シゲン</t>
    </rPh>
    <rPh sb="31" eb="33">
      <t>スイギン</t>
    </rPh>
    <rPh sb="36" eb="38">
      <t>カンキョウ</t>
    </rPh>
    <rPh sb="39" eb="41">
      <t>オセン</t>
    </rPh>
    <rPh sb="42" eb="44">
      <t>ボウシ</t>
    </rPh>
    <rPh sb="45" eb="46">
      <t>カン</t>
    </rPh>
    <rPh sb="48" eb="50">
      <t>ホウリツ</t>
    </rPh>
    <rPh sb="51" eb="52">
      <t>モト</t>
    </rPh>
    <rPh sb="54" eb="56">
      <t>スイギン</t>
    </rPh>
    <rPh sb="56" eb="58">
      <t>ガンユウ</t>
    </rPh>
    <rPh sb="58" eb="60">
      <t>サイセイ</t>
    </rPh>
    <rPh sb="60" eb="62">
      <t>シゲン</t>
    </rPh>
    <rPh sb="63" eb="65">
      <t>カンリ</t>
    </rPh>
    <rPh sb="66" eb="67">
      <t>カン</t>
    </rPh>
    <rPh sb="76" eb="77">
      <t>モト</t>
    </rPh>
    <rPh sb="80" eb="82">
      <t>カンリ</t>
    </rPh>
    <rPh sb="83" eb="84">
      <t>オコナ</t>
    </rPh>
    <rPh sb="88" eb="90">
      <t>スイギン</t>
    </rPh>
    <rPh sb="90" eb="91">
      <t>ナド</t>
    </rPh>
    <rPh sb="91" eb="92">
      <t>マタ</t>
    </rPh>
    <rPh sb="97" eb="99">
      <t>ガンユウ</t>
    </rPh>
    <rPh sb="101" eb="102">
      <t>モノ</t>
    </rPh>
    <rPh sb="106" eb="108">
      <t>スイギン</t>
    </rPh>
    <rPh sb="109" eb="112">
      <t>ガンユウリョウ</t>
    </rPh>
    <rPh sb="113" eb="114">
      <t>カン</t>
    </rPh>
    <rPh sb="116" eb="118">
      <t>ヨウケン</t>
    </rPh>
    <rPh sb="119" eb="121">
      <t>ガイトウ</t>
    </rPh>
    <rPh sb="125" eb="127">
      <t>スイギン</t>
    </rPh>
    <rPh sb="128" eb="130">
      <t>カイシュウ</t>
    </rPh>
    <rPh sb="130" eb="131">
      <t>ナド</t>
    </rPh>
    <rPh sb="132" eb="134">
      <t>サイセイ</t>
    </rPh>
    <rPh sb="134" eb="136">
      <t>リヨウ</t>
    </rPh>
    <rPh sb="137" eb="138">
      <t>オコナ</t>
    </rPh>
    <rPh sb="144" eb="147">
      <t>ハイキブツ</t>
    </rPh>
    <rPh sb="147" eb="149">
      <t>ショリ</t>
    </rPh>
    <rPh sb="149" eb="150">
      <t>ホウ</t>
    </rPh>
    <rPh sb="150" eb="151">
      <t>ジョウ</t>
    </rPh>
    <rPh sb="152" eb="155">
      <t>ハイキブツ</t>
    </rPh>
    <rPh sb="156" eb="157">
      <t>ノゾ</t>
    </rPh>
    <rPh sb="164" eb="166">
      <t>ユウヨウ</t>
    </rPh>
    <rPh sb="171" eb="172">
      <t>レイ</t>
    </rPh>
    <rPh sb="173" eb="175">
      <t>シヨウ</t>
    </rPh>
    <rPh sb="175" eb="176">
      <t>ス</t>
    </rPh>
    <rPh sb="178" eb="180">
      <t>スイギン</t>
    </rPh>
    <rPh sb="180" eb="182">
      <t>シヨウ</t>
    </rPh>
    <rPh sb="182" eb="184">
      <t>セイヒン</t>
    </rPh>
    <rPh sb="185" eb="187">
      <t>スイギン</t>
    </rPh>
    <rPh sb="188" eb="190">
      <t>ガンユウ</t>
    </rPh>
    <rPh sb="195" eb="197">
      <t>デンチ</t>
    </rPh>
    <rPh sb="203" eb="206">
      <t>キキンゾク</t>
    </rPh>
    <rPh sb="206" eb="207">
      <t>ナド</t>
    </rPh>
    <rPh sb="208" eb="210">
      <t>カイシュウ</t>
    </rPh>
    <rPh sb="212" eb="214">
      <t>ギョウシャ</t>
    </rPh>
    <rPh sb="215" eb="217">
      <t>バイキャク</t>
    </rPh>
    <rPh sb="219" eb="221">
      <t>イシ</t>
    </rPh>
    <rPh sb="221" eb="223">
      <t>ケッテイ</t>
    </rPh>
    <phoneticPr fontId="2"/>
  </si>
  <si>
    <t>□保管施設・設備について、密閉化や床面を不透水性の材質とする等の必要な措置を講じているか
□水銀含有再生資源の管理を他者に委託する場合、適切に情報提供を行っているか</t>
    <rPh sb="1" eb="3">
      <t>ホカン</t>
    </rPh>
    <rPh sb="3" eb="5">
      <t>シセツ</t>
    </rPh>
    <rPh sb="6" eb="8">
      <t>セツビ</t>
    </rPh>
    <rPh sb="13" eb="16">
      <t>ミッペイカ</t>
    </rPh>
    <rPh sb="17" eb="19">
      <t>ユカメン</t>
    </rPh>
    <rPh sb="20" eb="23">
      <t>フトウスイ</t>
    </rPh>
    <rPh sb="23" eb="24">
      <t>セイ</t>
    </rPh>
    <rPh sb="25" eb="27">
      <t>ザイシツ</t>
    </rPh>
    <rPh sb="30" eb="31">
      <t>ナド</t>
    </rPh>
    <rPh sb="32" eb="34">
      <t>ヒツヨウ</t>
    </rPh>
    <rPh sb="35" eb="37">
      <t>ソチ</t>
    </rPh>
    <rPh sb="38" eb="39">
      <t>コウ</t>
    </rPh>
    <rPh sb="46" eb="48">
      <t>スイギン</t>
    </rPh>
    <rPh sb="48" eb="50">
      <t>ガンユウ</t>
    </rPh>
    <rPh sb="50" eb="52">
      <t>サイセイ</t>
    </rPh>
    <rPh sb="52" eb="54">
      <t>シゲン</t>
    </rPh>
    <rPh sb="55" eb="57">
      <t>カンリ</t>
    </rPh>
    <rPh sb="58" eb="60">
      <t>タシャ</t>
    </rPh>
    <rPh sb="61" eb="63">
      <t>イタク</t>
    </rPh>
    <rPh sb="65" eb="67">
      <t>バアイ</t>
    </rPh>
    <rPh sb="68" eb="70">
      <t>テキセツ</t>
    </rPh>
    <rPh sb="71" eb="73">
      <t>ジョウホウ</t>
    </rPh>
    <rPh sb="73" eb="75">
      <t>テイキョウ</t>
    </rPh>
    <rPh sb="76" eb="77">
      <t>オコナ</t>
    </rPh>
    <phoneticPr fontId="2"/>
  </si>
  <si>
    <t>■水銀含有再生資源の管理に関する報告■
・水銀含有再生資源（★）について、国へ報告書の提出</t>
    <rPh sb="1" eb="3">
      <t>スイギン</t>
    </rPh>
    <rPh sb="3" eb="5">
      <t>ガンユウ</t>
    </rPh>
    <rPh sb="5" eb="7">
      <t>サイセイ</t>
    </rPh>
    <rPh sb="7" eb="9">
      <t>シゲン</t>
    </rPh>
    <rPh sb="10" eb="12">
      <t>カンリ</t>
    </rPh>
    <rPh sb="13" eb="14">
      <t>カン</t>
    </rPh>
    <rPh sb="16" eb="18">
      <t>ホウコク</t>
    </rPh>
    <rPh sb="21" eb="23">
      <t>スイギン</t>
    </rPh>
    <rPh sb="23" eb="25">
      <t>ガンユウ</t>
    </rPh>
    <rPh sb="25" eb="27">
      <t>サイセイ</t>
    </rPh>
    <rPh sb="27" eb="29">
      <t>シゲン</t>
    </rPh>
    <rPh sb="37" eb="38">
      <t>クニ</t>
    </rPh>
    <rPh sb="39" eb="41">
      <t>ホウコク</t>
    </rPh>
    <rPh sb="41" eb="42">
      <t>ショ</t>
    </rPh>
    <rPh sb="43" eb="45">
      <t>テイシュツ</t>
    </rPh>
    <phoneticPr fontId="2"/>
  </si>
  <si>
    <t xml:space="preserve">毒物（シアン化水素、砒素等）や劇物（塩化水素、クロロホルム等）（★）を所有する場合は、毒物及び劇物取締法等の以下の条項が適用されます。
　★　毒物及び劇物取締法　別表第１・第２で規定されています。
</t>
    <rPh sb="0" eb="2">
      <t>ドクブツ</t>
    </rPh>
    <rPh sb="6" eb="7">
      <t>カ</t>
    </rPh>
    <rPh sb="7" eb="9">
      <t>スイソ</t>
    </rPh>
    <rPh sb="10" eb="12">
      <t>ヒソ</t>
    </rPh>
    <rPh sb="12" eb="13">
      <t>トウ</t>
    </rPh>
    <rPh sb="15" eb="17">
      <t>ゲキブツ</t>
    </rPh>
    <rPh sb="18" eb="20">
      <t>エンカ</t>
    </rPh>
    <rPh sb="20" eb="22">
      <t>スイソ</t>
    </rPh>
    <rPh sb="29" eb="30">
      <t>トウ</t>
    </rPh>
    <rPh sb="35" eb="37">
      <t>ショユウ</t>
    </rPh>
    <rPh sb="39" eb="41">
      <t>バアイ</t>
    </rPh>
    <rPh sb="43" eb="45">
      <t>ドクブツ</t>
    </rPh>
    <rPh sb="45" eb="46">
      <t>オヨ</t>
    </rPh>
    <rPh sb="47" eb="49">
      <t>ゲキブツ</t>
    </rPh>
    <rPh sb="49" eb="52">
      <t>トリシマリホウ</t>
    </rPh>
    <rPh sb="52" eb="53">
      <t>トウ</t>
    </rPh>
    <rPh sb="54" eb="56">
      <t>イカ</t>
    </rPh>
    <rPh sb="57" eb="59">
      <t>ジョウコウ</t>
    </rPh>
    <rPh sb="60" eb="62">
      <t>テキヨウ</t>
    </rPh>
    <rPh sb="71" eb="73">
      <t>ドクブツ</t>
    </rPh>
    <rPh sb="73" eb="74">
      <t>オヨ</t>
    </rPh>
    <rPh sb="75" eb="77">
      <t>ゲキブツ</t>
    </rPh>
    <rPh sb="77" eb="80">
      <t>トリシマリホウ</t>
    </rPh>
    <rPh sb="81" eb="83">
      <t>ベッピョウ</t>
    </rPh>
    <rPh sb="83" eb="84">
      <t>ダイ</t>
    </rPh>
    <rPh sb="86" eb="87">
      <t>ダイ</t>
    </rPh>
    <rPh sb="89" eb="91">
      <t>キテイ</t>
    </rPh>
    <phoneticPr fontId="2"/>
  </si>
  <si>
    <t>Ｈ11</t>
    <phoneticPr fontId="2"/>
  </si>
  <si>
    <t>Ｈ12</t>
    <phoneticPr fontId="2"/>
  </si>
  <si>
    <t>Ｈ15の２
Ｒ40</t>
    <phoneticPr fontId="2"/>
  </si>
  <si>
    <t>Ｈ21</t>
    <phoneticPr fontId="2"/>
  </si>
  <si>
    <t>Ｈ22</t>
    <phoneticPr fontId="2"/>
  </si>
  <si>
    <t>Ｈ 24</t>
    <phoneticPr fontId="2"/>
  </si>
  <si>
    <t>Ｈ101-2</t>
    <phoneticPr fontId="2"/>
  </si>
  <si>
    <t>Ｈ57の３
Ｋ34の２の７</t>
    <phoneticPr fontId="2"/>
  </si>
  <si>
    <t>□水銀に適した材質の容器で保管しているか
□貯蔵する容器・包装には、貯蔵するものの名称を表示しているか</t>
    <rPh sb="1" eb="3">
      <t>スイギン</t>
    </rPh>
    <rPh sb="4" eb="5">
      <t>テキ</t>
    </rPh>
    <rPh sb="7" eb="9">
      <t>ザイシツ</t>
    </rPh>
    <rPh sb="10" eb="12">
      <t>ヨウキ</t>
    </rPh>
    <rPh sb="13" eb="15">
      <t>ホカン</t>
    </rPh>
    <rPh sb="22" eb="24">
      <t>チョゾウ</t>
    </rPh>
    <rPh sb="26" eb="28">
      <t>ヨウキ</t>
    </rPh>
    <rPh sb="29" eb="31">
      <t>ホウソウ</t>
    </rPh>
    <rPh sb="34" eb="36">
      <t>チョゾウ</t>
    </rPh>
    <rPh sb="41" eb="43">
      <t>メイショウ</t>
    </rPh>
    <rPh sb="44" eb="46">
      <t>ヒョウジ</t>
    </rPh>
    <phoneticPr fontId="2"/>
  </si>
  <si>
    <t>Ｈ12</t>
    <phoneticPr fontId="2"/>
  </si>
  <si>
    <t>Ｈ18</t>
    <phoneticPr fontId="2"/>
  </si>
  <si>
    <t>Ｈ23</t>
    <phoneticPr fontId="2"/>
  </si>
  <si>
    <t>Ｈ24</t>
    <phoneticPr fontId="2"/>
  </si>
  <si>
    <t>第1.3版を作成（毒物劇物、焼却施設及び産廃のシートに水銀規制に係る条文を追加、公共用水域シートの水質汚濁防止法に係る表記を修正）</t>
    <rPh sb="14" eb="16">
      <t>ショウキャク</t>
    </rPh>
    <rPh sb="16" eb="18">
      <t>シセツ</t>
    </rPh>
    <rPh sb="18" eb="19">
      <t>オヨ</t>
    </rPh>
    <rPh sb="20" eb="22">
      <t>サンパイ</t>
    </rPh>
    <rPh sb="27" eb="29">
      <t>スイギン</t>
    </rPh>
    <rPh sb="29" eb="31">
      <t>キセイ</t>
    </rPh>
    <rPh sb="32" eb="33">
      <t>カカワ</t>
    </rPh>
    <rPh sb="34" eb="36">
      <t>ジョウブン</t>
    </rPh>
    <rPh sb="37" eb="39">
      <t>ツイカ</t>
    </rPh>
    <rPh sb="40" eb="43">
      <t>コウキョウヨウ</t>
    </rPh>
    <rPh sb="43" eb="45">
      <t>スイイキ</t>
    </rPh>
    <rPh sb="49" eb="51">
      <t>スイシツ</t>
    </rPh>
    <rPh sb="51" eb="53">
      <t>オダク</t>
    </rPh>
    <rPh sb="53" eb="55">
      <t>ボウシ</t>
    </rPh>
    <rPh sb="55" eb="56">
      <t>ホウ</t>
    </rPh>
    <rPh sb="57" eb="58">
      <t>カカワ</t>
    </rPh>
    <rPh sb="59" eb="61">
      <t>ヒョウキ</t>
    </rPh>
    <rPh sb="62" eb="64">
      <t>シュウセイ</t>
    </rPh>
    <phoneticPr fontId="2"/>
  </si>
  <si>
    <r>
      <t>■マニフェストの交付、保存、報告■
・産業廃棄物の引渡しの際に、産業廃棄物管理票
　（マニフェスト）を交付する
　※産業廃棄物の種類ごと、運搬先ごとに交付
　　する</t>
    </r>
    <r>
      <rPr>
        <sz val="8"/>
        <color theme="1"/>
        <rFont val="ＭＳ 明朝"/>
        <family val="1"/>
        <charset val="128"/>
      </rPr>
      <t>（Ｋ８の20）
　※記載事項は、Ｈ12の３、Ｋ８の21で規定
　 （産業廃棄物の種類、数量等。委託した産業廃
　　 棄物に石綿含有産業廃棄物、水銀使用製品産
     業廃棄物又は水銀含有ばいじん等が含まれる
     場合は、その旨）</t>
    </r>
    <rPh sb="8" eb="10">
      <t>コウフ</t>
    </rPh>
    <rPh sb="11" eb="13">
      <t>ホゾン</t>
    </rPh>
    <rPh sb="14" eb="16">
      <t>ホウコク</t>
    </rPh>
    <rPh sb="20" eb="22">
      <t>サンギョウ</t>
    </rPh>
    <rPh sb="22" eb="25">
      <t>ハイキブツ</t>
    </rPh>
    <rPh sb="26" eb="28">
      <t>ヒキワタ</t>
    </rPh>
    <rPh sb="30" eb="31">
      <t>サイ</t>
    </rPh>
    <rPh sb="33" eb="35">
      <t>サンギョウ</t>
    </rPh>
    <rPh sb="35" eb="38">
      <t>ハイキブツ</t>
    </rPh>
    <rPh sb="38" eb="40">
      <t>カンリ</t>
    </rPh>
    <rPh sb="40" eb="41">
      <t>ヒョウ</t>
    </rPh>
    <rPh sb="52" eb="54">
      <t>コウフ</t>
    </rPh>
    <rPh sb="59" eb="61">
      <t>サンギョウ</t>
    </rPh>
    <rPh sb="61" eb="64">
      <t>ハイキブツ</t>
    </rPh>
    <rPh sb="65" eb="67">
      <t>シュルイ</t>
    </rPh>
    <rPh sb="70" eb="72">
      <t>ウンパン</t>
    </rPh>
    <rPh sb="72" eb="73">
      <t>サキ</t>
    </rPh>
    <rPh sb="76" eb="78">
      <t>コウフ</t>
    </rPh>
    <rPh sb="93" eb="95">
      <t>キサイ</t>
    </rPh>
    <rPh sb="95" eb="97">
      <t>ジコウ</t>
    </rPh>
    <rPh sb="111" eb="113">
      <t>キテイ</t>
    </rPh>
    <rPh sb="117" eb="119">
      <t>サンギョウ</t>
    </rPh>
    <rPh sb="119" eb="122">
      <t>ハイキブツ</t>
    </rPh>
    <rPh sb="123" eb="125">
      <t>シュルイ</t>
    </rPh>
    <rPh sb="126" eb="128">
      <t>スウリョウ</t>
    </rPh>
    <rPh sb="128" eb="129">
      <t>トウ</t>
    </rPh>
    <phoneticPr fontId="2"/>
  </si>
  <si>
    <t>Ｊ25</t>
    <phoneticPr fontId="2"/>
  </si>
  <si>
    <t>■規制基準の順守■
・規制基準を順守しなくてはならない</t>
    <rPh sb="1" eb="3">
      <t>キセイ</t>
    </rPh>
    <rPh sb="3" eb="5">
      <t>キジュン</t>
    </rPh>
    <rPh sb="11" eb="13">
      <t>キセイ</t>
    </rPh>
    <rPh sb="13" eb="15">
      <t>キジュン</t>
    </rPh>
    <rPh sb="16" eb="18">
      <t>ジュンシュ</t>
    </rPh>
    <phoneticPr fontId="2"/>
  </si>
  <si>
    <t>□J 27に基づく測定結果により確認</t>
    <rPh sb="6" eb="7">
      <t>モト</t>
    </rPh>
    <rPh sb="9" eb="11">
      <t>ソクテイ</t>
    </rPh>
    <rPh sb="11" eb="13">
      <t>ケッカ</t>
    </rPh>
    <rPh sb="16" eb="18">
      <t>カクニン</t>
    </rPh>
    <phoneticPr fontId="2"/>
  </si>
  <si>
    <t>※東京都又は埼玉県内を走行する場合は、より厳しい排出基準を満たす必要があるので注意すること。(概ね平成15年以降の国の排出ガス規制に適合したディーゼル車を使用すること(乗用車は条例の規制対象外))
【東京都】都民の健康と安全を確保する環境に関する条例(37Ⅰ)
【埼玉県】埼玉県生活環境保全条例(31Ⅱ)</t>
    <phoneticPr fontId="2"/>
  </si>
  <si>
    <t>□東京都及び埼玉県を走行する場合は、上記の型式に加え、次の型式でもないことを確認（一部例外があるので都県に問合せが必要）
（KE、KF、KG、KJ、KK、KL、HA、HB、HC、HE、HF、HMでないこと）</t>
    <rPh sb="1" eb="4">
      <t>トウキョウト</t>
    </rPh>
    <rPh sb="4" eb="5">
      <t>オヨ</t>
    </rPh>
    <rPh sb="6" eb="9">
      <t>サイタマケン</t>
    </rPh>
    <rPh sb="10" eb="12">
      <t>ソウコウ</t>
    </rPh>
    <rPh sb="14" eb="16">
      <t>バアイ</t>
    </rPh>
    <rPh sb="18" eb="20">
      <t>ジョウキ</t>
    </rPh>
    <rPh sb="21" eb="23">
      <t>カタシキ</t>
    </rPh>
    <rPh sb="24" eb="25">
      <t>クワ</t>
    </rPh>
    <rPh sb="27" eb="28">
      <t>ツギ</t>
    </rPh>
    <rPh sb="29" eb="31">
      <t>カタシキ</t>
    </rPh>
    <rPh sb="38" eb="40">
      <t>カクニン</t>
    </rPh>
    <rPh sb="41" eb="43">
      <t>イチブ</t>
    </rPh>
    <rPh sb="43" eb="45">
      <t>レイガイ</t>
    </rPh>
    <rPh sb="50" eb="52">
      <t>トケン</t>
    </rPh>
    <rPh sb="53" eb="55">
      <t>トイアワ</t>
    </rPh>
    <rPh sb="57" eb="59">
      <t>ヒツヨウ</t>
    </rPh>
    <phoneticPr fontId="2"/>
  </si>
  <si>
    <r>
      <t>★Ｋ８で規定
　①保管場所の周囲に囲いを設ける
　②見やすい所に掲示板を設置する 　
　③産業廃棄物の飛散・流出・地下浸透・悪臭
　　発散の防止
　④汚水が生ずる恐れがある場合、排水溝その他
　　設備を設け、底面を不浸透性の材料で覆う
　⑤ねずみ、蚊、はえ等が発生しないようにする
　※</t>
    </r>
    <r>
      <rPr>
        <sz val="8"/>
        <color theme="1"/>
        <rFont val="ＭＳ 明朝"/>
        <family val="1"/>
        <charset val="128"/>
      </rPr>
      <t>屋外で容器を使用せずに保管する場合や石綿
　　含有産業廃棄物又は水銀使用製品産業廃棄物
　　を保管する場合は、上記に加えて別途基準あ
　　り</t>
    </r>
    <rPh sb="143" eb="144">
      <t>オク</t>
    </rPh>
    <rPh sb="173" eb="174">
      <t>マタ</t>
    </rPh>
    <rPh sb="175" eb="177">
      <t>スイギン</t>
    </rPh>
    <rPh sb="177" eb="179">
      <t>シヨウ</t>
    </rPh>
    <rPh sb="179" eb="181">
      <t>セイヒン</t>
    </rPh>
    <rPh sb="181" eb="183">
      <t>サンギョウ</t>
    </rPh>
    <rPh sb="183" eb="186">
      <t>ハイキブツ</t>
    </rPh>
    <phoneticPr fontId="2"/>
  </si>
  <si>
    <r>
      <t>試験研究機関、教育機関、保健所、家畜保健衛生所等の洗浄施設等の特定施設（★）</t>
    </r>
    <r>
      <rPr>
        <sz val="9"/>
        <color theme="1"/>
        <rFont val="ＭＳ 明朝"/>
        <family val="1"/>
        <charset val="128"/>
      </rPr>
      <t>を持つ事業場は、水質汚濁防止法等の以下の条項が適用されます。
　★　水質汚濁防止法施行令別表第１で規定、有害物質を含む汚水等を排水するおそれのある施設</t>
    </r>
    <rPh sb="0" eb="2">
      <t>シケン</t>
    </rPh>
    <rPh sb="2" eb="4">
      <t>ケンキュウ</t>
    </rPh>
    <rPh sb="4" eb="6">
      <t>キカン</t>
    </rPh>
    <rPh sb="7" eb="9">
      <t>キョウイク</t>
    </rPh>
    <rPh sb="9" eb="11">
      <t>キカン</t>
    </rPh>
    <rPh sb="12" eb="14">
      <t>ホケン</t>
    </rPh>
    <rPh sb="14" eb="15">
      <t>ショ</t>
    </rPh>
    <rPh sb="16" eb="18">
      <t>カチク</t>
    </rPh>
    <rPh sb="18" eb="20">
      <t>ホケン</t>
    </rPh>
    <rPh sb="20" eb="22">
      <t>エイセイ</t>
    </rPh>
    <rPh sb="22" eb="23">
      <t>ショ</t>
    </rPh>
    <rPh sb="23" eb="24">
      <t>トウ</t>
    </rPh>
    <rPh sb="25" eb="27">
      <t>センジョウ</t>
    </rPh>
    <rPh sb="27" eb="29">
      <t>シセツ</t>
    </rPh>
    <rPh sb="29" eb="30">
      <t>トウ</t>
    </rPh>
    <rPh sb="31" eb="33">
      <t>トクテイ</t>
    </rPh>
    <rPh sb="33" eb="35">
      <t>シセツ</t>
    </rPh>
    <rPh sb="39" eb="40">
      <t>モ</t>
    </rPh>
    <rPh sb="41" eb="43">
      <t>ジギョウ</t>
    </rPh>
    <rPh sb="43" eb="44">
      <t>ジョウ</t>
    </rPh>
    <rPh sb="46" eb="48">
      <t>スイシツ</t>
    </rPh>
    <rPh sb="48" eb="50">
      <t>オダク</t>
    </rPh>
    <rPh sb="50" eb="52">
      <t>ボウシ</t>
    </rPh>
    <rPh sb="52" eb="53">
      <t>ホウ</t>
    </rPh>
    <rPh sb="53" eb="54">
      <t>トウ</t>
    </rPh>
    <rPh sb="55" eb="57">
      <t>イカ</t>
    </rPh>
    <rPh sb="58" eb="60">
      <t>ジョウコウ</t>
    </rPh>
    <rPh sb="61" eb="63">
      <t>テキヨウ</t>
    </rPh>
    <rPh sb="72" eb="74">
      <t>スイシツ</t>
    </rPh>
    <rPh sb="74" eb="76">
      <t>オダク</t>
    </rPh>
    <rPh sb="76" eb="78">
      <t>ボウシ</t>
    </rPh>
    <rPh sb="78" eb="79">
      <t>ホウ</t>
    </rPh>
    <rPh sb="79" eb="81">
      <t>セコウ</t>
    </rPh>
    <rPh sb="81" eb="82">
      <t>レイ</t>
    </rPh>
    <rPh sb="82" eb="84">
      <t>ベッピョウ</t>
    </rPh>
    <rPh sb="84" eb="85">
      <t>ダイ</t>
    </rPh>
    <rPh sb="87" eb="89">
      <t>キテイ</t>
    </rPh>
    <rPh sb="90" eb="92">
      <t>ユウガイ</t>
    </rPh>
    <rPh sb="92" eb="94">
      <t>ブッシツ</t>
    </rPh>
    <rPh sb="95" eb="96">
      <t>フク</t>
    </rPh>
    <rPh sb="97" eb="99">
      <t>オスイ</t>
    </rPh>
    <rPh sb="99" eb="100">
      <t>トウ</t>
    </rPh>
    <rPh sb="101" eb="103">
      <t>ハイスイ</t>
    </rPh>
    <rPh sb="111" eb="113">
      <t>シセツ</t>
    </rPh>
    <phoneticPr fontId="2"/>
  </si>
  <si>
    <t>［〇〇庁舎の対象設備又は業務・チェックポイントなど］</t>
    <rPh sb="3" eb="5">
      <t>チョウシャ</t>
    </rPh>
    <rPh sb="6" eb="8">
      <t>タイショウ</t>
    </rPh>
    <rPh sb="8" eb="10">
      <t>セツビ</t>
    </rPh>
    <rPh sb="10" eb="11">
      <t>マタ</t>
    </rPh>
    <rPh sb="12" eb="14">
      <t>ギョウム</t>
    </rPh>
    <phoneticPr fontId="2"/>
  </si>
  <si>
    <t>廃止した廃棄物焼却施設を管理・解体する場合には、ダイオキシン類の飛散・流出による周辺環境への汚染を防止することを目的とした、以下の要綱等が適用になります。
　※　本県では、休廃止した焼却施設の安全管理の徹底と、計画的な解体・撤去を進めています。</t>
    <rPh sb="0" eb="2">
      <t>ハイシ</t>
    </rPh>
    <rPh sb="4" eb="7">
      <t>ハイキブツ</t>
    </rPh>
    <rPh sb="7" eb="9">
      <t>ショウキャク</t>
    </rPh>
    <rPh sb="9" eb="11">
      <t>シセツ</t>
    </rPh>
    <rPh sb="12" eb="14">
      <t>カンリ</t>
    </rPh>
    <rPh sb="15" eb="16">
      <t>カイ</t>
    </rPh>
    <rPh sb="16" eb="17">
      <t>タイ</t>
    </rPh>
    <rPh sb="19" eb="21">
      <t>バアイ</t>
    </rPh>
    <rPh sb="30" eb="31">
      <t>ルイ</t>
    </rPh>
    <rPh sb="32" eb="34">
      <t>ヒサン</t>
    </rPh>
    <rPh sb="35" eb="37">
      <t>リュウシュツ</t>
    </rPh>
    <rPh sb="40" eb="42">
      <t>シュウヘン</t>
    </rPh>
    <rPh sb="42" eb="44">
      <t>カンキョウ</t>
    </rPh>
    <rPh sb="46" eb="48">
      <t>オセン</t>
    </rPh>
    <rPh sb="49" eb="51">
      <t>ボウシ</t>
    </rPh>
    <rPh sb="56" eb="58">
      <t>モクテキ</t>
    </rPh>
    <rPh sb="62" eb="64">
      <t>イカ</t>
    </rPh>
    <rPh sb="65" eb="67">
      <t>ヨウコウ</t>
    </rPh>
    <rPh sb="67" eb="68">
      <t>トウ</t>
    </rPh>
    <rPh sb="69" eb="71">
      <t>テキヨウ</t>
    </rPh>
    <rPh sb="81" eb="82">
      <t>ホン</t>
    </rPh>
    <rPh sb="82" eb="83">
      <t>ケン</t>
    </rPh>
    <rPh sb="86" eb="87">
      <t>キュウ</t>
    </rPh>
    <rPh sb="87" eb="89">
      <t>ハイシ</t>
    </rPh>
    <rPh sb="91" eb="93">
      <t>ショウキャク</t>
    </rPh>
    <rPh sb="93" eb="95">
      <t>シセツ</t>
    </rPh>
    <rPh sb="96" eb="98">
      <t>アンゼン</t>
    </rPh>
    <rPh sb="98" eb="100">
      <t>カンリ</t>
    </rPh>
    <rPh sb="101" eb="103">
      <t>テッテイ</t>
    </rPh>
    <rPh sb="105" eb="108">
      <t>ケイカクテキ</t>
    </rPh>
    <rPh sb="109" eb="110">
      <t>カイ</t>
    </rPh>
    <rPh sb="110" eb="111">
      <t>タイ</t>
    </rPh>
    <rPh sb="112" eb="114">
      <t>テッキョ</t>
    </rPh>
    <rPh sb="115" eb="116">
      <t>スス</t>
    </rPh>
    <phoneticPr fontId="2"/>
  </si>
  <si>
    <t>第1.4版を作成（すべてのシートに「対象設備又は業務・ポイントなど」の欄を追加、ばい煙シート神奈川県生活環境保全条例の条文を修正、送風機等シートの神奈川県生活環境保全条例の条文を削除、産廃シートの小型電子機器等のコメント修正、特管シートの廃棄物処理法に係る表記を修正、焼却施設の設備又は業務等の表記を修正、（参考）自動車シートの「神奈川県生活環境保全条例」の条文を修正</t>
    <rPh sb="18" eb="20">
      <t>タイショウ</t>
    </rPh>
    <rPh sb="20" eb="22">
      <t>セツビ</t>
    </rPh>
    <rPh sb="22" eb="23">
      <t>マタ</t>
    </rPh>
    <rPh sb="24" eb="26">
      <t>ギョウム</t>
    </rPh>
    <rPh sb="35" eb="36">
      <t>ラン</t>
    </rPh>
    <rPh sb="37" eb="39">
      <t>ツイカ</t>
    </rPh>
    <rPh sb="42" eb="43">
      <t>ケムリ</t>
    </rPh>
    <rPh sb="46" eb="50">
      <t>カナガワケン</t>
    </rPh>
    <rPh sb="50" eb="52">
      <t>セイカツ</t>
    </rPh>
    <rPh sb="52" eb="54">
      <t>カンキョウ</t>
    </rPh>
    <rPh sb="54" eb="56">
      <t>ホゼン</t>
    </rPh>
    <rPh sb="56" eb="58">
      <t>ジョウレイ</t>
    </rPh>
    <rPh sb="59" eb="61">
      <t>ジョウブン</t>
    </rPh>
    <rPh sb="62" eb="64">
      <t>シュウセイ</t>
    </rPh>
    <rPh sb="65" eb="68">
      <t>ソウフウキ</t>
    </rPh>
    <rPh sb="68" eb="69">
      <t>ナド</t>
    </rPh>
    <rPh sb="73" eb="77">
      <t>カナガワケン</t>
    </rPh>
    <rPh sb="77" eb="79">
      <t>セイカツ</t>
    </rPh>
    <rPh sb="79" eb="81">
      <t>カンキョウ</t>
    </rPh>
    <rPh sb="81" eb="83">
      <t>ホゼン</t>
    </rPh>
    <rPh sb="83" eb="85">
      <t>ジョウレイ</t>
    </rPh>
    <rPh sb="86" eb="88">
      <t>ジョウブン</t>
    </rPh>
    <rPh sb="89" eb="91">
      <t>サクジョ</t>
    </rPh>
    <rPh sb="92" eb="94">
      <t>サンパイ</t>
    </rPh>
    <rPh sb="98" eb="100">
      <t>コガタ</t>
    </rPh>
    <rPh sb="100" eb="102">
      <t>デンシ</t>
    </rPh>
    <rPh sb="102" eb="104">
      <t>キキ</t>
    </rPh>
    <rPh sb="104" eb="105">
      <t>ナド</t>
    </rPh>
    <rPh sb="110" eb="112">
      <t>シュウセイ</t>
    </rPh>
    <rPh sb="113" eb="115">
      <t>トッカン</t>
    </rPh>
    <rPh sb="119" eb="122">
      <t>ハイキブツ</t>
    </rPh>
    <rPh sb="122" eb="125">
      <t>ショリホウ</t>
    </rPh>
    <rPh sb="126" eb="127">
      <t>カカワ</t>
    </rPh>
    <rPh sb="128" eb="130">
      <t>ヒョウキ</t>
    </rPh>
    <rPh sb="131" eb="133">
      <t>シュウセイ</t>
    </rPh>
    <rPh sb="134" eb="136">
      <t>ショウキャク</t>
    </rPh>
    <rPh sb="136" eb="138">
      <t>シセツ</t>
    </rPh>
    <rPh sb="139" eb="141">
      <t>セツビ</t>
    </rPh>
    <rPh sb="141" eb="142">
      <t>マタ</t>
    </rPh>
    <rPh sb="143" eb="145">
      <t>ギョウム</t>
    </rPh>
    <rPh sb="145" eb="146">
      <t>ナド</t>
    </rPh>
    <rPh sb="147" eb="149">
      <t>ヒョウキ</t>
    </rPh>
    <rPh sb="150" eb="152">
      <t>シュウセイ</t>
    </rPh>
    <rPh sb="154" eb="156">
      <t>サンコウ</t>
    </rPh>
    <rPh sb="157" eb="160">
      <t>ジドウシャ</t>
    </rPh>
    <rPh sb="165" eb="169">
      <t>カナガワケン</t>
    </rPh>
    <rPh sb="169" eb="171">
      <t>セイカツ</t>
    </rPh>
    <rPh sb="171" eb="173">
      <t>カンキョウ</t>
    </rPh>
    <rPh sb="173" eb="175">
      <t>ホゼン</t>
    </rPh>
    <rPh sb="175" eb="177">
      <t>ジョウレイ</t>
    </rPh>
    <rPh sb="179" eb="181">
      <t>ジョウブン</t>
    </rPh>
    <rPh sb="182" eb="184">
      <t>シュウセイ</t>
    </rPh>
    <phoneticPr fontId="2"/>
  </si>
  <si>
    <t>□引取証明書の写しを交付したか</t>
    <rPh sb="1" eb="3">
      <t>ヒキトリ</t>
    </rPh>
    <rPh sb="3" eb="6">
      <t>ショウメイショ</t>
    </rPh>
    <rPh sb="7" eb="8">
      <t>ウツ</t>
    </rPh>
    <rPh sb="10" eb="12">
      <t>コウフ</t>
    </rPh>
    <phoneticPr fontId="2"/>
  </si>
  <si>
    <t>３ヶ月に１回以上の簡易点検が実施されていない。</t>
    <rPh sb="2" eb="3">
      <t>ゲツ</t>
    </rPh>
    <rPh sb="5" eb="8">
      <t>カイイジョウ</t>
    </rPh>
    <rPh sb="9" eb="11">
      <t>カンイ</t>
    </rPh>
    <rPh sb="11" eb="13">
      <t>テンケン</t>
    </rPh>
    <rPh sb="14" eb="16">
      <t>ジッシ</t>
    </rPh>
    <phoneticPr fontId="2"/>
  </si>
  <si>
    <t>３ヶ月に１回以上の簡易点検の実施記録がない。</t>
    <rPh sb="2" eb="3">
      <t>ゲツ</t>
    </rPh>
    <rPh sb="5" eb="6">
      <t>カイ</t>
    </rPh>
    <rPh sb="6" eb="8">
      <t>イジョウ</t>
    </rPh>
    <rPh sb="9" eb="11">
      <t>カンイ</t>
    </rPh>
    <rPh sb="11" eb="13">
      <t>テンケン</t>
    </rPh>
    <rPh sb="14" eb="16">
      <t>ジッシ</t>
    </rPh>
    <rPh sb="16" eb="18">
      <t>キロク</t>
    </rPh>
    <phoneticPr fontId="2"/>
  </si>
  <si>
    <r>
      <t>■特別管理産業廃棄物の保管■
・特別管理産業廃棄物が運搬されるまでの間、
　技術上の基準（特別管理産業廃棄物保管基準★)
　に従い保管する
　★Ｋ８の13で規定
　※産業廃棄物保管基準に以下の基準が加わる
　　</t>
    </r>
    <r>
      <rPr>
        <sz val="8"/>
        <rFont val="ＭＳ 明朝"/>
        <family val="1"/>
        <charset val="128"/>
      </rPr>
      <t>①他のものが混入しないように仕切り等を
　　　設けるなど必要な措置を行う
    ②特別管理産業廃棄物の種類に応じた措置を
　　　講ずる
　　・廃石綿等は、梱包する等飛散防止に必要な
　　　措置を行う
　　・ＰＣＢ汚染物の腐食防止のための必要な
　　　措置を行う　　　　　　　　
　　　　　　　　　　　　　　　　　　など</t>
    </r>
    <rPh sb="1" eb="3">
      <t>トクベツ</t>
    </rPh>
    <rPh sb="3" eb="5">
      <t>カンリ</t>
    </rPh>
    <rPh sb="5" eb="7">
      <t>サンギョウ</t>
    </rPh>
    <rPh sb="7" eb="10">
      <t>ハイキブツ</t>
    </rPh>
    <rPh sb="11" eb="13">
      <t>ホカン</t>
    </rPh>
    <rPh sb="16" eb="18">
      <t>トクベツ</t>
    </rPh>
    <rPh sb="18" eb="20">
      <t>カンリ</t>
    </rPh>
    <rPh sb="45" eb="47">
      <t>トクベツ</t>
    </rPh>
    <rPh sb="47" eb="49">
      <t>カンリ</t>
    </rPh>
    <rPh sb="83" eb="85">
      <t>サンギョウ</t>
    </rPh>
    <rPh sb="85" eb="87">
      <t>ハイキ</t>
    </rPh>
    <rPh sb="87" eb="88">
      <t>ブツ</t>
    </rPh>
    <rPh sb="88" eb="90">
      <t>ホカン</t>
    </rPh>
    <rPh sb="90" eb="92">
      <t>キジュン</t>
    </rPh>
    <rPh sb="93" eb="95">
      <t>イカ</t>
    </rPh>
    <rPh sb="96" eb="98">
      <t>キジュン</t>
    </rPh>
    <rPh sb="99" eb="100">
      <t>クワ</t>
    </rPh>
    <rPh sb="106" eb="107">
      <t>ホカ</t>
    </rPh>
    <rPh sb="111" eb="113">
      <t>コンニュウ</t>
    </rPh>
    <rPh sb="119" eb="121">
      <t>シキ</t>
    </rPh>
    <rPh sb="122" eb="123">
      <t>トウ</t>
    </rPh>
    <rPh sb="128" eb="129">
      <t>モウ</t>
    </rPh>
    <rPh sb="133" eb="135">
      <t>ヒツヨウ</t>
    </rPh>
    <rPh sb="136" eb="138">
      <t>ソチ</t>
    </rPh>
    <rPh sb="139" eb="140">
      <t>オコナ</t>
    </rPh>
    <rPh sb="177" eb="178">
      <t>ハイ</t>
    </rPh>
    <rPh sb="212" eb="214">
      <t>オセン</t>
    </rPh>
    <rPh sb="214" eb="215">
      <t>ブツ</t>
    </rPh>
    <rPh sb="216" eb="218">
      <t>フショク</t>
    </rPh>
    <rPh sb="218" eb="220">
      <t>ボウシ</t>
    </rPh>
    <rPh sb="224" eb="226">
      <t>ヒツヨウ</t>
    </rPh>
    <rPh sb="231" eb="233">
      <t>ソチ</t>
    </rPh>
    <rPh sb="234" eb="235">
      <t>オコナ</t>
    </rPh>
    <phoneticPr fontId="2"/>
  </si>
  <si>
    <t>■ディーゼル車の運行制限■
・粒子状物質の排出基準に適合したディーゼル車(概ね平成９年以降の国の排出ガス規制に適合した車) を使用する。（乗用車は条例の規制対象外）</t>
    <rPh sb="6" eb="7">
      <t>シャ</t>
    </rPh>
    <rPh sb="8" eb="10">
      <t>ウンコウ</t>
    </rPh>
    <rPh sb="10" eb="12">
      <t>セイゲン</t>
    </rPh>
    <rPh sb="15" eb="18">
      <t>リュウシジョウ</t>
    </rPh>
    <rPh sb="18" eb="20">
      <t>ブッシツ</t>
    </rPh>
    <rPh sb="21" eb="23">
      <t>ハイシュツ</t>
    </rPh>
    <rPh sb="23" eb="25">
      <t>キジュン</t>
    </rPh>
    <rPh sb="26" eb="28">
      <t>テキゴウ</t>
    </rPh>
    <rPh sb="35" eb="36">
      <t>シャ</t>
    </rPh>
    <rPh sb="46" eb="47">
      <t>クニ</t>
    </rPh>
    <rPh sb="48" eb="50">
      <t>ハイシュツ</t>
    </rPh>
    <rPh sb="52" eb="54">
      <t>キセイ</t>
    </rPh>
    <rPh sb="55" eb="57">
      <t>テキゴウ</t>
    </rPh>
    <rPh sb="63" eb="65">
      <t>シヨウ</t>
    </rPh>
    <rPh sb="69" eb="72">
      <t>ジョウヨウシャ</t>
    </rPh>
    <rPh sb="73" eb="75">
      <t>ジョウレイ</t>
    </rPh>
    <rPh sb="76" eb="78">
      <t>キセイ</t>
    </rPh>
    <rPh sb="78" eb="80">
      <t>タイショウ</t>
    </rPh>
    <rPh sb="80" eb="81">
      <t>ガイ</t>
    </rPh>
    <phoneticPr fontId="2"/>
  </si>
  <si>
    <t>■自動車燃料の使用■
・重油を混和した燃料といった粒子状物質の量を
　増大させる燃料を、県内で自動車燃料に使用しない。</t>
    <rPh sb="1" eb="4">
      <t>ジドウシャ</t>
    </rPh>
    <rPh sb="4" eb="6">
      <t>ネンリョウ</t>
    </rPh>
    <rPh sb="7" eb="9">
      <t>シヨウ</t>
    </rPh>
    <rPh sb="12" eb="14">
      <t>ジュウユ</t>
    </rPh>
    <rPh sb="15" eb="17">
      <t>コンワ</t>
    </rPh>
    <rPh sb="19" eb="21">
      <t>ネンリョウ</t>
    </rPh>
    <rPh sb="25" eb="28">
      <t>リュウシジョウ</t>
    </rPh>
    <rPh sb="28" eb="30">
      <t>ブッシツ</t>
    </rPh>
    <rPh sb="31" eb="32">
      <t>リョウ</t>
    </rPh>
    <rPh sb="35" eb="37">
      <t>ゾウダイ</t>
    </rPh>
    <rPh sb="40" eb="42">
      <t>ネンリョウ</t>
    </rPh>
    <rPh sb="44" eb="46">
      <t>ケンナイ</t>
    </rPh>
    <rPh sb="47" eb="50">
      <t>ジドウシャ</t>
    </rPh>
    <rPh sb="50" eb="52">
      <t>ネンリョウ</t>
    </rPh>
    <rPh sb="53" eb="55">
      <t>シヨウ</t>
    </rPh>
    <phoneticPr fontId="2"/>
  </si>
  <si>
    <t>■機器引き渡し時の書面の交付■
第一種特定製品の解体その他処分、再利用を目的とした引き取り又は譲受けを行おうとする者（第一種特定製品引取実施者）に当該製品を引き渡すときは、引取証明書の写しを交付しなければならない（充填回収業者である引取等実施者にフロン回収を依頼する場合などは除く。）</t>
    <rPh sb="1" eb="3">
      <t>キキ</t>
    </rPh>
    <rPh sb="3" eb="4">
      <t>ヒ</t>
    </rPh>
    <rPh sb="5" eb="6">
      <t>ワタ</t>
    </rPh>
    <rPh sb="7" eb="8">
      <t>ジ</t>
    </rPh>
    <rPh sb="9" eb="11">
      <t>ショメン</t>
    </rPh>
    <rPh sb="12" eb="14">
      <t>コウフ</t>
    </rPh>
    <rPh sb="16" eb="17">
      <t>ダイ</t>
    </rPh>
    <rPh sb="17" eb="18">
      <t>イチ</t>
    </rPh>
    <rPh sb="18" eb="19">
      <t>シュ</t>
    </rPh>
    <rPh sb="19" eb="21">
      <t>トクテイ</t>
    </rPh>
    <rPh sb="21" eb="23">
      <t>セイヒン</t>
    </rPh>
    <phoneticPr fontId="2"/>
  </si>
  <si>
    <t>Ｈ17</t>
    <phoneticPr fontId="2"/>
  </si>
  <si>
    <t>■事故時の措置■
・破損等によりばい煙が大量に排出され
　た場合、直ちに応急措置・復旧の措置を講じる
・直ちに知事に通報する</t>
    <rPh sb="1" eb="3">
      <t>ジコ</t>
    </rPh>
    <rPh sb="3" eb="4">
      <t>ジ</t>
    </rPh>
    <rPh sb="5" eb="7">
      <t>ソチ</t>
    </rPh>
    <rPh sb="10" eb="12">
      <t>ハソン</t>
    </rPh>
    <rPh sb="12" eb="13">
      <t>トウ</t>
    </rPh>
    <rPh sb="18" eb="19">
      <t>エン</t>
    </rPh>
    <rPh sb="20" eb="22">
      <t>タイリョウ</t>
    </rPh>
    <rPh sb="23" eb="25">
      <t>ハイシュツ</t>
    </rPh>
    <rPh sb="30" eb="32">
      <t>バアイ</t>
    </rPh>
    <rPh sb="33" eb="34">
      <t>タダ</t>
    </rPh>
    <rPh sb="36" eb="38">
      <t>オウキュウ</t>
    </rPh>
    <rPh sb="38" eb="40">
      <t>ソチ</t>
    </rPh>
    <rPh sb="41" eb="43">
      <t>フッキュウ</t>
    </rPh>
    <rPh sb="44" eb="46">
      <t>ソチ</t>
    </rPh>
    <rPh sb="47" eb="48">
      <t>コウ</t>
    </rPh>
    <rPh sb="52" eb="53">
      <t>タダ</t>
    </rPh>
    <rPh sb="55" eb="57">
      <t>チジ</t>
    </rPh>
    <rPh sb="58" eb="60">
      <t>ツウホウ</t>
    </rPh>
    <phoneticPr fontId="2"/>
  </si>
  <si>
    <t>■氏名の変更等の提出■
・氏名等に変更があったときは、30日以内に市町
　村長に届出を行う</t>
    <rPh sb="1" eb="3">
      <t>シメイ</t>
    </rPh>
    <rPh sb="4" eb="6">
      <t>ヘンコウ</t>
    </rPh>
    <rPh sb="6" eb="7">
      <t>トウ</t>
    </rPh>
    <rPh sb="8" eb="10">
      <t>テイシュツ</t>
    </rPh>
    <rPh sb="13" eb="14">
      <t>シ</t>
    </rPh>
    <rPh sb="15" eb="16">
      <t>トウ</t>
    </rPh>
    <rPh sb="17" eb="19">
      <t>ヘンコウ</t>
    </rPh>
    <rPh sb="29" eb="30">
      <t>ニチ</t>
    </rPh>
    <rPh sb="30" eb="32">
      <t>イナイ</t>
    </rPh>
    <rPh sb="33" eb="35">
      <t>シチョウ</t>
    </rPh>
    <rPh sb="37" eb="39">
      <t>ソンチョウ</t>
    </rPh>
    <rPh sb="40" eb="42">
      <t>トドケデ</t>
    </rPh>
    <rPh sb="43" eb="44">
      <t>オコナ</t>
    </rPh>
    <phoneticPr fontId="2"/>
  </si>
  <si>
    <t>※２　改正法（Ｒ2年4月1日施行）により、
廃棄後の保存が義務化されました。</t>
    <rPh sb="22" eb="24">
      <t>ハイキ</t>
    </rPh>
    <rPh sb="24" eb="25">
      <t>ゴ</t>
    </rPh>
    <rPh sb="26" eb="28">
      <t>ホゾン</t>
    </rPh>
    <rPh sb="29" eb="31">
      <t>ギム</t>
    </rPh>
    <rPh sb="31" eb="32">
      <t>カ</t>
    </rPh>
    <phoneticPr fontId="2"/>
  </si>
  <si>
    <t>■浄化槽の休止・再開の届出■
・浄化槽の使用を休止する場合は、許可事業者による
　清掃を行った後、知事に届け出ることができる
・休止した浄化槽の使用を再開する場合は、30日以内
　に知事に届出を行う
※休止・再開時のみの規定です</t>
    <rPh sb="1" eb="4">
      <t>ジョウカソウ</t>
    </rPh>
    <rPh sb="5" eb="7">
      <t>キュウシ</t>
    </rPh>
    <rPh sb="8" eb="10">
      <t>サイカイ</t>
    </rPh>
    <rPh sb="11" eb="13">
      <t>トドケデ</t>
    </rPh>
    <rPh sb="16" eb="19">
      <t>ジョウカソウ</t>
    </rPh>
    <rPh sb="20" eb="22">
      <t>シヨウ</t>
    </rPh>
    <rPh sb="23" eb="25">
      <t>キュウシ</t>
    </rPh>
    <rPh sb="27" eb="29">
      <t>バアイ</t>
    </rPh>
    <rPh sb="31" eb="33">
      <t>キョカ</t>
    </rPh>
    <rPh sb="33" eb="36">
      <t>ジギョウシャ</t>
    </rPh>
    <rPh sb="41" eb="43">
      <t>セイソウ</t>
    </rPh>
    <rPh sb="44" eb="45">
      <t>オコナ</t>
    </rPh>
    <rPh sb="47" eb="48">
      <t>ノチ</t>
    </rPh>
    <rPh sb="49" eb="51">
      <t>チジ</t>
    </rPh>
    <rPh sb="52" eb="53">
      <t>トド</t>
    </rPh>
    <rPh sb="54" eb="55">
      <t>デ</t>
    </rPh>
    <rPh sb="64" eb="66">
      <t>キュウシ</t>
    </rPh>
    <rPh sb="68" eb="71">
      <t>ジョウカソウ</t>
    </rPh>
    <rPh sb="72" eb="74">
      <t>シヨウ</t>
    </rPh>
    <rPh sb="75" eb="77">
      <t>サイカイ</t>
    </rPh>
    <rPh sb="79" eb="81">
      <t>バアイ</t>
    </rPh>
    <rPh sb="85" eb="86">
      <t>ニチ</t>
    </rPh>
    <rPh sb="86" eb="88">
      <t>イナイ</t>
    </rPh>
    <rPh sb="91" eb="93">
      <t>チジ</t>
    </rPh>
    <rPh sb="94" eb="96">
      <t>トドケデ</t>
    </rPh>
    <rPh sb="97" eb="98">
      <t>オコナ</t>
    </rPh>
    <rPh sb="101" eb="103">
      <t>キュウシ</t>
    </rPh>
    <rPh sb="104" eb="106">
      <t>サイカイ</t>
    </rPh>
    <rPh sb="106" eb="107">
      <t>ジ</t>
    </rPh>
    <rPh sb="110" eb="112">
      <t>キテイ</t>
    </rPh>
    <phoneticPr fontId="2"/>
  </si>
  <si>
    <t>□休止・再開の有無を確認
□休止届出書・再開届出書を確認</t>
    <rPh sb="1" eb="3">
      <t>キュウシ</t>
    </rPh>
    <rPh sb="4" eb="6">
      <t>サイカイ</t>
    </rPh>
    <rPh sb="14" eb="16">
      <t>キュウシ</t>
    </rPh>
    <rPh sb="16" eb="19">
      <t>トドケデショ</t>
    </rPh>
    <rPh sb="20" eb="22">
      <t>サイカイ</t>
    </rPh>
    <phoneticPr fontId="2"/>
  </si>
  <si>
    <t>令和　年度　環境関連法令チェックリスト</t>
    <rPh sb="0" eb="2">
      <t>レイワ</t>
    </rPh>
    <rPh sb="3" eb="5">
      <t>ネンド</t>
    </rPh>
    <rPh sb="6" eb="8">
      <t>カンキョウ</t>
    </rPh>
    <rPh sb="8" eb="10">
      <t>カンレン</t>
    </rPh>
    <rPh sb="10" eb="12">
      <t>ホウレイ</t>
    </rPh>
    <phoneticPr fontId="2"/>
  </si>
  <si>
    <t xml:space="preserve">
□変更の有無を確認
□変更届出書を確認</t>
    <phoneticPr fontId="2"/>
  </si>
  <si>
    <r>
      <t xml:space="preserve">Ｈ５
</t>
    </r>
    <r>
      <rPr>
        <sz val="8"/>
        <rFont val="ＭＳ 明朝"/>
        <family val="1"/>
        <charset val="128"/>
      </rPr>
      <t>Ｈ９</t>
    </r>
    <phoneticPr fontId="2"/>
  </si>
  <si>
    <r>
      <t xml:space="preserve">Ｈ７
</t>
    </r>
    <r>
      <rPr>
        <sz val="8"/>
        <rFont val="ＭＳ 明朝"/>
        <family val="1"/>
        <charset val="128"/>
      </rPr>
      <t>Ｈ９</t>
    </r>
    <phoneticPr fontId="2"/>
  </si>
  <si>
    <t>□低濃度ＰＣＢ廃棄物は令和9年3月31日までに処分すること。</t>
    <rPh sb="1" eb="4">
      <t>テイノウド</t>
    </rPh>
    <rPh sb="7" eb="10">
      <t>ハイキブツ</t>
    </rPh>
    <rPh sb="11" eb="13">
      <t>レイワ</t>
    </rPh>
    <rPh sb="14" eb="15">
      <t>ネン</t>
    </rPh>
    <rPh sb="16" eb="17">
      <t>ガツ</t>
    </rPh>
    <rPh sb="19" eb="20">
      <t>ニチ</t>
    </rPh>
    <rPh sb="23" eb="25">
      <t>ショブン</t>
    </rPh>
    <phoneticPr fontId="2"/>
  </si>
  <si>
    <r>
      <t xml:space="preserve">Ｈ８
Ｈ15
Ｈ19
</t>
    </r>
    <r>
      <rPr>
        <sz val="8"/>
        <rFont val="ＭＳ 明朝"/>
        <family val="1"/>
        <charset val="128"/>
      </rPr>
      <t>Ｋ９</t>
    </r>
    <phoneticPr fontId="2"/>
  </si>
  <si>
    <r>
      <t xml:space="preserve">Ｈ10
</t>
    </r>
    <r>
      <rPr>
        <sz val="8"/>
        <rFont val="ＭＳ 明朝"/>
        <family val="1"/>
        <charset val="128"/>
      </rPr>
      <t>Ｋ13</t>
    </r>
    <phoneticPr fontId="2"/>
  </si>
  <si>
    <t>Ｈ15
Ｋ23</t>
    <phoneticPr fontId="2"/>
  </si>
  <si>
    <t>Ｈ19
Ｋ31</t>
    <phoneticPr fontId="2"/>
  </si>
  <si>
    <r>
      <t>（作　成：</t>
    </r>
    <r>
      <rPr>
        <sz val="7"/>
        <rFont val="ＭＳ 明朝"/>
        <family val="1"/>
        <charset val="128"/>
      </rPr>
      <t>Ｒ●年●月●日）
（更　新：Ｒ●年●月●日）</t>
    </r>
    <rPh sb="1" eb="2">
      <t>サク</t>
    </rPh>
    <rPh sb="3" eb="4">
      <t>シゲル</t>
    </rPh>
    <rPh sb="7" eb="8">
      <t>ネン</t>
    </rPh>
    <rPh sb="9" eb="10">
      <t>ツキ</t>
    </rPh>
    <rPh sb="11" eb="12">
      <t>ヒ</t>
    </rPh>
    <rPh sb="15" eb="16">
      <t>サラ</t>
    </rPh>
    <rPh sb="17" eb="18">
      <t>シン</t>
    </rPh>
    <rPh sb="21" eb="22">
      <t>ネン</t>
    </rPh>
    <rPh sb="23" eb="24">
      <t>ツキ</t>
    </rPh>
    <rPh sb="25" eb="26">
      <t>ヒ</t>
    </rPh>
    <phoneticPr fontId="2"/>
  </si>
  <si>
    <t>Ｈ13
Ｋ３
～５</t>
    <phoneticPr fontId="2"/>
  </si>
  <si>
    <t>■ばい煙の排出制限■
・排出基準に適合しないばい煙は排出できない
　※排出基準は全国一律の基準のほか、特定の
　　地域に適用されるものなどがある</t>
    <rPh sb="3" eb="4">
      <t>ケムリ</t>
    </rPh>
    <rPh sb="5" eb="7">
      <t>ハイシュツ</t>
    </rPh>
    <rPh sb="7" eb="9">
      <t>セイゲン</t>
    </rPh>
    <rPh sb="12" eb="14">
      <t>ハイシュツ</t>
    </rPh>
    <rPh sb="14" eb="16">
      <t>キジュン</t>
    </rPh>
    <rPh sb="17" eb="19">
      <t>テキゴウ</t>
    </rPh>
    <rPh sb="24" eb="25">
      <t>ケムリ</t>
    </rPh>
    <rPh sb="26" eb="28">
      <t>ハイシュツ</t>
    </rPh>
    <rPh sb="35" eb="37">
      <t>ハイシュツ</t>
    </rPh>
    <rPh sb="37" eb="39">
      <t>キジュン</t>
    </rPh>
    <rPh sb="40" eb="42">
      <t>ゼンコク</t>
    </rPh>
    <rPh sb="42" eb="44">
      <t>イチリツ</t>
    </rPh>
    <rPh sb="45" eb="47">
      <t>キジュン</t>
    </rPh>
    <rPh sb="51" eb="53">
      <t>トクテイ</t>
    </rPh>
    <rPh sb="57" eb="59">
      <t>チイキ</t>
    </rPh>
    <rPh sb="60" eb="62">
      <t>テキヨウ</t>
    </rPh>
    <phoneticPr fontId="2"/>
  </si>
  <si>
    <t>□Ｈ16に基づく測定結果
　により確認</t>
    <rPh sb="5" eb="6">
      <t>モト</t>
    </rPh>
    <rPh sb="8" eb="10">
      <t>ソクテイ</t>
    </rPh>
    <rPh sb="10" eb="12">
      <t>ケッカ</t>
    </rPh>
    <rPh sb="17" eb="19">
      <t>カクニン</t>
    </rPh>
    <phoneticPr fontId="2"/>
  </si>
  <si>
    <t>■氏名の変更等の提出■
・氏名等に変更があったときは、30日以内に知事
　に届出を行う</t>
    <phoneticPr fontId="2"/>
  </si>
  <si>
    <t xml:space="preserve">※３　改正法（Ｒ2年4月1日施行）により、
違反者は刑事罰の対象となります。
※４  改正法（Ｒ2年4月1日施行）により、書面交付義務違反虚偽記載、保存義務違反等は刑事罰の対象となります。
</t>
    <rPh sb="3" eb="6">
      <t>カイセイホウ</t>
    </rPh>
    <rPh sb="9" eb="10">
      <t>ネン</t>
    </rPh>
    <rPh sb="11" eb="12">
      <t>ガツ</t>
    </rPh>
    <rPh sb="13" eb="14">
      <t>ニチ</t>
    </rPh>
    <rPh sb="14" eb="16">
      <t>シコウ</t>
    </rPh>
    <rPh sb="22" eb="25">
      <t>イハンシャ</t>
    </rPh>
    <rPh sb="26" eb="29">
      <t>ケイジバツ</t>
    </rPh>
    <rPh sb="30" eb="32">
      <t>タイショウ</t>
    </rPh>
    <phoneticPr fontId="2"/>
  </si>
  <si>
    <t>※５　改正法（Ｒ2年4月1日施行）により、新設。</t>
    <rPh sb="3" eb="5">
      <t>カイセイ</t>
    </rPh>
    <rPh sb="5" eb="6">
      <t>ホウ</t>
    </rPh>
    <rPh sb="13" eb="14">
      <t>ニチ</t>
    </rPh>
    <rPh sb="14" eb="16">
      <t>セコウ</t>
    </rPh>
    <rPh sb="21" eb="23">
      <t>シンセツ</t>
    </rPh>
    <phoneticPr fontId="2"/>
  </si>
  <si>
    <t>Ｈ16
（告示)
※２</t>
    <rPh sb="5" eb="7">
      <t>コクジ</t>
    </rPh>
    <phoneticPr fontId="2"/>
  </si>
  <si>
    <t>■点検・修理・充塡・回収の記録■
・点検・修理・充塡・回収の記録を作成
・記録は機器の廃棄後３年間保存する</t>
    <rPh sb="1" eb="3">
      <t>テンケン</t>
    </rPh>
    <rPh sb="4" eb="6">
      <t>シュウリ</t>
    </rPh>
    <rPh sb="10" eb="12">
      <t>カイシュウ</t>
    </rPh>
    <rPh sb="13" eb="15">
      <t>キロク</t>
    </rPh>
    <rPh sb="18" eb="20">
      <t>テンケン</t>
    </rPh>
    <rPh sb="21" eb="23">
      <t>シュウリ</t>
    </rPh>
    <rPh sb="27" eb="29">
      <t>カイシュウ</t>
    </rPh>
    <rPh sb="30" eb="32">
      <t>キロク</t>
    </rPh>
    <rPh sb="33" eb="35">
      <t>サクセイ</t>
    </rPh>
    <rPh sb="37" eb="39">
      <t>キロク</t>
    </rPh>
    <rPh sb="40" eb="42">
      <t>キキ</t>
    </rPh>
    <rPh sb="43" eb="45">
      <t>ハイキ</t>
    </rPh>
    <rPh sb="45" eb="46">
      <t>ゴ</t>
    </rPh>
    <rPh sb="47" eb="49">
      <t>ネンカン</t>
    </rPh>
    <rPh sb="49" eb="51">
      <t>ホゾン</t>
    </rPh>
    <phoneticPr fontId="2"/>
  </si>
  <si>
    <t>■廃棄時の回収業者への引渡し■
・第一種特定製品の廃棄を行おうとするときは、
　（委託等により）第一種フロン類充塡回収業者
　にフロン類を引き渡すこと</t>
    <rPh sb="1" eb="3">
      <t>ハイキ</t>
    </rPh>
    <rPh sb="3" eb="4">
      <t>ジ</t>
    </rPh>
    <rPh sb="5" eb="7">
      <t>カイシュウ</t>
    </rPh>
    <rPh sb="7" eb="9">
      <t>ギョウシャ</t>
    </rPh>
    <rPh sb="11" eb="13">
      <t>ヒキワタ</t>
    </rPh>
    <rPh sb="20" eb="22">
      <t>トクテイ</t>
    </rPh>
    <rPh sb="22" eb="24">
      <t>セイヒン</t>
    </rPh>
    <rPh sb="25" eb="27">
      <t>ハイキ</t>
    </rPh>
    <rPh sb="28" eb="29">
      <t>オコナ</t>
    </rPh>
    <rPh sb="41" eb="43">
      <t>イタク</t>
    </rPh>
    <rPh sb="43" eb="44">
      <t>トウ</t>
    </rPh>
    <rPh sb="54" eb="55">
      <t>ルイ</t>
    </rPh>
    <rPh sb="57" eb="59">
      <t>カイシュウ</t>
    </rPh>
    <rPh sb="59" eb="61">
      <t>ギョウシャ</t>
    </rPh>
    <rPh sb="67" eb="68">
      <t>ルイ</t>
    </rPh>
    <rPh sb="69" eb="70">
      <t>ヒ</t>
    </rPh>
    <rPh sb="71" eb="72">
      <t>ワタ</t>
    </rPh>
    <phoneticPr fontId="2"/>
  </si>
  <si>
    <t>Ｈ43
※４</t>
    <phoneticPr fontId="2"/>
  </si>
  <si>
    <t>■廃棄時の書面の交付■
・第一種フロン類充塡回収業者に引き渡すときは
　書面（回収依頼書等）を交付し、写しを３年間
　保存する</t>
    <rPh sb="1" eb="3">
      <t>ハイキ</t>
    </rPh>
    <rPh sb="3" eb="4">
      <t>ジ</t>
    </rPh>
    <rPh sb="5" eb="7">
      <t>ショメン</t>
    </rPh>
    <rPh sb="8" eb="10">
      <t>コウフ</t>
    </rPh>
    <rPh sb="19" eb="20">
      <t>ルイ</t>
    </rPh>
    <rPh sb="22" eb="24">
      <t>カイシュウ</t>
    </rPh>
    <rPh sb="24" eb="26">
      <t>ギョウシャ</t>
    </rPh>
    <rPh sb="27" eb="28">
      <t>ヒ</t>
    </rPh>
    <rPh sb="29" eb="30">
      <t>ワタ</t>
    </rPh>
    <rPh sb="36" eb="38">
      <t>ショメン</t>
    </rPh>
    <rPh sb="39" eb="41">
      <t>カイシュウ</t>
    </rPh>
    <rPh sb="41" eb="44">
      <t>イライショ</t>
    </rPh>
    <rPh sb="44" eb="45">
      <t>トウ</t>
    </rPh>
    <rPh sb="47" eb="49">
      <t>コウフ</t>
    </rPh>
    <rPh sb="51" eb="52">
      <t>ウツ</t>
    </rPh>
    <rPh sb="55" eb="57">
      <t>ネンカン</t>
    </rPh>
    <rPh sb="59" eb="61">
      <t>ホゾン</t>
    </rPh>
    <phoneticPr fontId="2"/>
  </si>
  <si>
    <t>Ｈ45
※４</t>
    <phoneticPr fontId="2"/>
  </si>
  <si>
    <t>■廃棄時の引取証明書の受領と報告等■
・引取証明書の交付を受け、３年間保存する
・30日以内に引取証明書の交付を受けないとき等
　はその旨を知事に報告する</t>
    <rPh sb="1" eb="3">
      <t>ハイキ</t>
    </rPh>
    <rPh sb="3" eb="4">
      <t>ジ</t>
    </rPh>
    <rPh sb="5" eb="7">
      <t>ヒキト</t>
    </rPh>
    <rPh sb="7" eb="10">
      <t>ショウメイショ</t>
    </rPh>
    <rPh sb="11" eb="13">
      <t>ジュリョウ</t>
    </rPh>
    <rPh sb="14" eb="16">
      <t>ホウコク</t>
    </rPh>
    <rPh sb="16" eb="17">
      <t>トウ</t>
    </rPh>
    <rPh sb="20" eb="22">
      <t>ヒキト</t>
    </rPh>
    <rPh sb="22" eb="25">
      <t>ショウメイショ</t>
    </rPh>
    <rPh sb="26" eb="28">
      <t>コウフ</t>
    </rPh>
    <rPh sb="29" eb="30">
      <t>ウ</t>
    </rPh>
    <rPh sb="33" eb="35">
      <t>ネンカン</t>
    </rPh>
    <rPh sb="43" eb="44">
      <t>ヒ</t>
    </rPh>
    <rPh sb="44" eb="46">
      <t>イナイ</t>
    </rPh>
    <rPh sb="47" eb="49">
      <t>ヒキト</t>
    </rPh>
    <rPh sb="49" eb="52">
      <t>ショウメイショ</t>
    </rPh>
    <rPh sb="53" eb="55">
      <t>コウフ</t>
    </rPh>
    <rPh sb="56" eb="57">
      <t>ウ</t>
    </rPh>
    <rPh sb="62" eb="63">
      <t>トウ</t>
    </rPh>
    <rPh sb="68" eb="69">
      <t>ムネ</t>
    </rPh>
    <rPh sb="70" eb="72">
      <t>チジ</t>
    </rPh>
    <rPh sb="73" eb="75">
      <t>ホウコク</t>
    </rPh>
    <phoneticPr fontId="2"/>
  </si>
  <si>
    <t>Ｈ45の２
※５</t>
    <phoneticPr fontId="2"/>
  </si>
  <si>
    <r>
      <t xml:space="preserve">Ｈ６
</t>
    </r>
    <r>
      <rPr>
        <sz val="8"/>
        <rFont val="ＭＳ 明朝"/>
        <family val="1"/>
        <charset val="128"/>
      </rPr>
      <t>Ｈ10</t>
    </r>
    <phoneticPr fontId="2"/>
  </si>
  <si>
    <t>Ｈ８
Ｈ10</t>
    <phoneticPr fontId="2"/>
  </si>
  <si>
    <r>
      <t>■設置届の提出■
・</t>
    </r>
    <r>
      <rPr>
        <sz val="8"/>
        <rFont val="ＭＳ 明朝"/>
        <family val="1"/>
        <charset val="128"/>
      </rPr>
      <t>事業場から河川・湖沼等の公共用水域に排水を排出し、特定施設を設置する場合は知事に届出を行う（６０日前）
・有害物質使用特定施設又は有害物質貯蔵指定施設（以下、有害物質使用特定施設等）を設置する場合は知事に届出を行う（６０日前）
※設置時のみの規定です</t>
    </r>
    <rPh sb="1" eb="3">
      <t>セッチ</t>
    </rPh>
    <rPh sb="3" eb="4">
      <t>トド</t>
    </rPh>
    <rPh sb="5" eb="7">
      <t>テイシュツ</t>
    </rPh>
    <rPh sb="10" eb="12">
      <t>ジギョウ</t>
    </rPh>
    <rPh sb="12" eb="13">
      <t>ジョウ</t>
    </rPh>
    <rPh sb="15" eb="17">
      <t>カセン</t>
    </rPh>
    <rPh sb="18" eb="20">
      <t>コショウ</t>
    </rPh>
    <rPh sb="20" eb="21">
      <t>トウ</t>
    </rPh>
    <rPh sb="22" eb="25">
      <t>コウキョウヨウ</t>
    </rPh>
    <rPh sb="25" eb="27">
      <t>スイイキ</t>
    </rPh>
    <rPh sb="28" eb="30">
      <t>ハイスイ</t>
    </rPh>
    <rPh sb="31" eb="33">
      <t>ハイシュツ</t>
    </rPh>
    <rPh sb="35" eb="37">
      <t>トクテイ</t>
    </rPh>
    <rPh sb="37" eb="39">
      <t>シセツ</t>
    </rPh>
    <rPh sb="40" eb="42">
      <t>セッチ</t>
    </rPh>
    <rPh sb="44" eb="46">
      <t>バアイ</t>
    </rPh>
    <rPh sb="47" eb="49">
      <t>チジ</t>
    </rPh>
    <rPh sb="50" eb="52">
      <t>トドケデ</t>
    </rPh>
    <rPh sb="53" eb="54">
      <t>オコナ</t>
    </rPh>
    <rPh sb="58" eb="59">
      <t>ニチ</t>
    </rPh>
    <rPh sb="59" eb="60">
      <t>マエ</t>
    </rPh>
    <rPh sb="63" eb="65">
      <t>ユウガイ</t>
    </rPh>
    <rPh sb="65" eb="67">
      <t>ブッシツ</t>
    </rPh>
    <rPh sb="67" eb="69">
      <t>シヨウ</t>
    </rPh>
    <rPh sb="69" eb="71">
      <t>トクテイ</t>
    </rPh>
    <rPh sb="71" eb="73">
      <t>シセツ</t>
    </rPh>
    <rPh sb="73" eb="74">
      <t>マタ</t>
    </rPh>
    <rPh sb="75" eb="77">
      <t>ユウガイ</t>
    </rPh>
    <rPh sb="77" eb="79">
      <t>ブッシツ</t>
    </rPh>
    <rPh sb="79" eb="81">
      <t>チョゾウ</t>
    </rPh>
    <rPh sb="81" eb="83">
      <t>シテイ</t>
    </rPh>
    <rPh sb="83" eb="85">
      <t>シセツ</t>
    </rPh>
    <rPh sb="102" eb="104">
      <t>セッチ</t>
    </rPh>
    <rPh sb="106" eb="108">
      <t>バアイ</t>
    </rPh>
    <rPh sb="109" eb="111">
      <t>チジ</t>
    </rPh>
    <rPh sb="112" eb="114">
      <t>トドケデ</t>
    </rPh>
    <rPh sb="115" eb="116">
      <t>オコナ</t>
    </rPh>
    <rPh sb="120" eb="121">
      <t>ニチ</t>
    </rPh>
    <rPh sb="121" eb="122">
      <t>マエ</t>
    </rPh>
    <rPh sb="125" eb="127">
      <t>セッチ</t>
    </rPh>
    <rPh sb="127" eb="128">
      <t>ジ</t>
    </rPh>
    <rPh sb="131" eb="133">
      <t>キテイ</t>
    </rPh>
    <phoneticPr fontId="2"/>
  </si>
  <si>
    <r>
      <t>■変更届の提出■
・特定施設</t>
    </r>
    <r>
      <rPr>
        <sz val="8"/>
        <rFont val="ＭＳ 明朝"/>
        <family val="1"/>
        <charset val="128"/>
      </rPr>
      <t>等の構造等の変更をする場合は、予め知
　事に届出（６０日前）</t>
    </r>
    <rPh sb="1" eb="3">
      <t>ヘンコウ</t>
    </rPh>
    <rPh sb="3" eb="4">
      <t>トド</t>
    </rPh>
    <rPh sb="5" eb="7">
      <t>テイシュツ</t>
    </rPh>
    <rPh sb="10" eb="12">
      <t>トクテイ</t>
    </rPh>
    <rPh sb="12" eb="14">
      <t>シセツ</t>
    </rPh>
    <rPh sb="14" eb="15">
      <t>トウ</t>
    </rPh>
    <rPh sb="16" eb="18">
      <t>コウゾウ</t>
    </rPh>
    <rPh sb="18" eb="19">
      <t>トウ</t>
    </rPh>
    <rPh sb="20" eb="22">
      <t>ヘンコウ</t>
    </rPh>
    <rPh sb="25" eb="27">
      <t>バアイ</t>
    </rPh>
    <rPh sb="29" eb="30">
      <t>アラカジ</t>
    </rPh>
    <rPh sb="31" eb="32">
      <t>チ</t>
    </rPh>
    <rPh sb="34" eb="35">
      <t>コト</t>
    </rPh>
    <rPh sb="36" eb="38">
      <t>トドケデ</t>
    </rPh>
    <rPh sb="41" eb="42">
      <t>ニチ</t>
    </rPh>
    <rPh sb="42" eb="43">
      <t>マエ</t>
    </rPh>
    <phoneticPr fontId="2"/>
  </si>
  <si>
    <t>■その他の届出■
・代表者の氏名等の変更又は使用の廃止は30日以内に知事に届出
・譲受、借受等は30日以内に知事に届出</t>
    <rPh sb="3" eb="4">
      <t>タ</t>
    </rPh>
    <rPh sb="5" eb="7">
      <t>トドケデ</t>
    </rPh>
    <rPh sb="10" eb="13">
      <t>ダイヒョウシャ</t>
    </rPh>
    <rPh sb="14" eb="16">
      <t>シメイ</t>
    </rPh>
    <rPh sb="16" eb="17">
      <t>トウ</t>
    </rPh>
    <rPh sb="18" eb="20">
      <t>ヘンコウ</t>
    </rPh>
    <rPh sb="20" eb="21">
      <t>マタ</t>
    </rPh>
    <rPh sb="22" eb="24">
      <t>シヨウ</t>
    </rPh>
    <rPh sb="25" eb="27">
      <t>ハイシ</t>
    </rPh>
    <rPh sb="30" eb="31">
      <t>ヒ</t>
    </rPh>
    <rPh sb="31" eb="33">
      <t>イナイ</t>
    </rPh>
    <rPh sb="34" eb="36">
      <t>チジ</t>
    </rPh>
    <rPh sb="37" eb="39">
      <t>トドケデ</t>
    </rPh>
    <rPh sb="41" eb="43">
      <t>ユズリウケ</t>
    </rPh>
    <rPh sb="44" eb="46">
      <t>カリウケ</t>
    </rPh>
    <rPh sb="46" eb="47">
      <t>トウ</t>
    </rPh>
    <rPh sb="50" eb="51">
      <t>ヒ</t>
    </rPh>
    <rPh sb="51" eb="53">
      <t>イナイ</t>
    </rPh>
    <rPh sb="54" eb="56">
      <t>チジ</t>
    </rPh>
    <rPh sb="57" eb="59">
      <t>トドケデ</t>
    </rPh>
    <phoneticPr fontId="2"/>
  </si>
  <si>
    <r>
      <t xml:space="preserve">■排出水の測定■
・排出水の汚染状態を測定し、記録する
</t>
    </r>
    <r>
      <rPr>
        <sz val="8"/>
        <rFont val="ＭＳ 明朝"/>
        <family val="1"/>
        <charset val="128"/>
      </rPr>
      <t>・有害物質使用特定施設等を設置する者は、施設の点検を行い、記録する
・測定頻度　年１回以上（条例による上乗せあり)
・結果は記録し、３年間保存する</t>
    </r>
    <rPh sb="1" eb="3">
      <t>ハイシュツ</t>
    </rPh>
    <rPh sb="3" eb="4">
      <t>スイ</t>
    </rPh>
    <rPh sb="5" eb="7">
      <t>ソクテイ</t>
    </rPh>
    <rPh sb="10" eb="12">
      <t>ハイシュツ</t>
    </rPh>
    <rPh sb="12" eb="13">
      <t>スイ</t>
    </rPh>
    <rPh sb="14" eb="16">
      <t>オセン</t>
    </rPh>
    <rPh sb="16" eb="18">
      <t>ジョウタイ</t>
    </rPh>
    <rPh sb="19" eb="21">
      <t>ソクテイ</t>
    </rPh>
    <rPh sb="23" eb="25">
      <t>キロク</t>
    </rPh>
    <rPh sb="63" eb="65">
      <t>ソクテイ</t>
    </rPh>
    <rPh sb="65" eb="67">
      <t>ヒンド</t>
    </rPh>
    <rPh sb="68" eb="69">
      <t>ネン</t>
    </rPh>
    <rPh sb="70" eb="71">
      <t>カイ</t>
    </rPh>
    <rPh sb="71" eb="73">
      <t>イジョウ</t>
    </rPh>
    <rPh sb="74" eb="76">
      <t>ジョウレイ</t>
    </rPh>
    <rPh sb="79" eb="81">
      <t>ウワノ</t>
    </rPh>
    <rPh sb="87" eb="89">
      <t>ケッカ</t>
    </rPh>
    <rPh sb="90" eb="92">
      <t>キロク</t>
    </rPh>
    <rPh sb="95" eb="97">
      <t>ネンカン</t>
    </rPh>
    <rPh sb="97" eb="99">
      <t>ホゾン</t>
    </rPh>
    <phoneticPr fontId="2"/>
  </si>
  <si>
    <t>第1.5版を作成（すべてのシートの元号を令和に修正、ばい煙シートにおいて「氏名の変更等の提出」、「事故時の措置」を記載、送風機・空気圧縮機シートに「氏名の変更等の提出」を記載、空調機等シートに関係する令和2年4月施行の改正フロン排出抑制法内容を踏まえた表記に修正、公共用水域シートに実施制限に係る表記を追記、浄化槽シートに「浄化槽の休止・再開の届出」を記載、高圧ガスシートに特定高圧ガスの消費についての技術上の基準に係る表記を修正、廃棄物（PCB使用機器）シートにおいてPCB廃棄物に係る情報のURL更新、焼却施設シートに「氏名の変更等の提出」を記載）</t>
    <rPh sb="0" eb="1">
      <t>ダイ</t>
    </rPh>
    <rPh sb="4" eb="5">
      <t>バン</t>
    </rPh>
    <rPh sb="6" eb="8">
      <t>サクセイ</t>
    </rPh>
    <rPh sb="17" eb="19">
      <t>ゲンゴウ</t>
    </rPh>
    <rPh sb="20" eb="22">
      <t>レイワ</t>
    </rPh>
    <rPh sb="23" eb="25">
      <t>シュウセイ</t>
    </rPh>
    <rPh sb="28" eb="29">
      <t>エン</t>
    </rPh>
    <rPh sb="37" eb="39">
      <t>シメイ</t>
    </rPh>
    <rPh sb="40" eb="42">
      <t>ヘンコウ</t>
    </rPh>
    <rPh sb="42" eb="43">
      <t>ナド</t>
    </rPh>
    <rPh sb="44" eb="46">
      <t>テイシュツ</t>
    </rPh>
    <rPh sb="49" eb="51">
      <t>ジコ</t>
    </rPh>
    <rPh sb="51" eb="52">
      <t>ジ</t>
    </rPh>
    <rPh sb="53" eb="55">
      <t>ソチ</t>
    </rPh>
    <rPh sb="57" eb="59">
      <t>キサイ</t>
    </rPh>
    <rPh sb="60" eb="63">
      <t>ソウフウキ</t>
    </rPh>
    <rPh sb="64" eb="66">
      <t>クウキ</t>
    </rPh>
    <rPh sb="66" eb="68">
      <t>アッシュク</t>
    </rPh>
    <rPh sb="88" eb="91">
      <t>クウチョウキ</t>
    </rPh>
    <rPh sb="91" eb="92">
      <t>ナド</t>
    </rPh>
    <rPh sb="96" eb="98">
      <t>カンケイ</t>
    </rPh>
    <rPh sb="100" eb="102">
      <t>レイワ</t>
    </rPh>
    <rPh sb="103" eb="104">
      <t>ネン</t>
    </rPh>
    <rPh sb="105" eb="106">
      <t>ガツ</t>
    </rPh>
    <rPh sb="106" eb="108">
      <t>セコウ</t>
    </rPh>
    <rPh sb="109" eb="111">
      <t>カイセイ</t>
    </rPh>
    <rPh sb="114" eb="116">
      <t>ハイシュツ</t>
    </rPh>
    <rPh sb="116" eb="118">
      <t>ヨクセイ</t>
    </rPh>
    <rPh sb="118" eb="119">
      <t>ホウ</t>
    </rPh>
    <rPh sb="119" eb="121">
      <t>ナイヨウ</t>
    </rPh>
    <rPh sb="122" eb="123">
      <t>フ</t>
    </rPh>
    <rPh sb="126" eb="128">
      <t>ヒョウキ</t>
    </rPh>
    <rPh sb="129" eb="131">
      <t>シュウセイ</t>
    </rPh>
    <rPh sb="132" eb="135">
      <t>コウキョウヨウ</t>
    </rPh>
    <rPh sb="135" eb="137">
      <t>スイイキ</t>
    </rPh>
    <rPh sb="141" eb="143">
      <t>ジッシ</t>
    </rPh>
    <rPh sb="143" eb="145">
      <t>セイゲン</t>
    </rPh>
    <rPh sb="146" eb="147">
      <t>カカワ</t>
    </rPh>
    <rPh sb="148" eb="150">
      <t>ヒョウキ</t>
    </rPh>
    <rPh sb="151" eb="153">
      <t>ツイキ</t>
    </rPh>
    <rPh sb="154" eb="157">
      <t>ジョウカソウ</t>
    </rPh>
    <rPh sb="162" eb="165">
      <t>ジョウカソウ</t>
    </rPh>
    <rPh sb="166" eb="168">
      <t>キュウシ</t>
    </rPh>
    <rPh sb="169" eb="171">
      <t>サイカイ</t>
    </rPh>
    <rPh sb="172" eb="174">
      <t>トドケデ</t>
    </rPh>
    <rPh sb="176" eb="178">
      <t>キサイ</t>
    </rPh>
    <rPh sb="179" eb="181">
      <t>コウアツ</t>
    </rPh>
    <rPh sb="187" eb="189">
      <t>トクテイ</t>
    </rPh>
    <rPh sb="189" eb="191">
      <t>コウアツ</t>
    </rPh>
    <rPh sb="194" eb="196">
      <t>ショウヒ</t>
    </rPh>
    <rPh sb="201" eb="203">
      <t>ギジュツ</t>
    </rPh>
    <rPh sb="203" eb="204">
      <t>ジョウ</t>
    </rPh>
    <rPh sb="205" eb="207">
      <t>キジュン</t>
    </rPh>
    <rPh sb="208" eb="209">
      <t>カカワ</t>
    </rPh>
    <rPh sb="210" eb="212">
      <t>ヒョウキ</t>
    </rPh>
    <rPh sb="213" eb="215">
      <t>シュウセイ</t>
    </rPh>
    <rPh sb="216" eb="219">
      <t>ハイキブツ</t>
    </rPh>
    <rPh sb="223" eb="225">
      <t>シヨウ</t>
    </rPh>
    <rPh sb="225" eb="227">
      <t>キキ</t>
    </rPh>
    <rPh sb="238" eb="241">
      <t>ハイキブツ</t>
    </rPh>
    <rPh sb="242" eb="243">
      <t>カカ</t>
    </rPh>
    <rPh sb="244" eb="246">
      <t>ジョウホウ</t>
    </rPh>
    <rPh sb="250" eb="252">
      <t>コウシン</t>
    </rPh>
    <rPh sb="253" eb="255">
      <t>ショウキャク</t>
    </rPh>
    <rPh sb="255" eb="257">
      <t>シセツ</t>
    </rPh>
    <rPh sb="262" eb="264">
      <t>シメイ</t>
    </rPh>
    <rPh sb="265" eb="267">
      <t>ヘンコウ</t>
    </rPh>
    <rPh sb="267" eb="268">
      <t>トウ</t>
    </rPh>
    <rPh sb="269" eb="271">
      <t>テイシュツ</t>
    </rPh>
    <rPh sb="273" eb="275">
      <t>キサイ</t>
    </rPh>
    <phoneticPr fontId="2"/>
  </si>
  <si>
    <t>Ｈ16
（告示)
※１</t>
    <rPh sb="5" eb="7">
      <t>コクジ</t>
    </rPh>
    <phoneticPr fontId="2"/>
  </si>
  <si>
    <t>※１　平成27年４月から義務化されました。</t>
    <rPh sb="3" eb="5">
      <t>ヘイセイ</t>
    </rPh>
    <rPh sb="7" eb="8">
      <t>ネン</t>
    </rPh>
    <rPh sb="9" eb="10">
      <t>ガツ</t>
    </rPh>
    <rPh sb="12" eb="15">
      <t>ギムカ</t>
    </rPh>
    <phoneticPr fontId="2"/>
  </si>
  <si>
    <t>Ｈ41
※３</t>
    <phoneticPr fontId="2"/>
  </si>
  <si>
    <t>　各所属では、「標準的チェックリスト」をもとに、所属特有の順守事項（例　周辺住民との協定）や、市町村条例に基づく順守事項などを追加して完成させ、環境マネジメントシステムの手続に従いチェックを行ってください。</t>
    <rPh sb="1" eb="4">
      <t>カクショゾク</t>
    </rPh>
    <rPh sb="8" eb="11">
      <t>ヒョウジュンテキ</t>
    </rPh>
    <rPh sb="24" eb="26">
      <t>ショゾク</t>
    </rPh>
    <rPh sb="26" eb="28">
      <t>トクユウ</t>
    </rPh>
    <rPh sb="29" eb="31">
      <t>ジュンシュ</t>
    </rPh>
    <rPh sb="31" eb="33">
      <t>ジコウ</t>
    </rPh>
    <rPh sb="34" eb="35">
      <t>レイ</t>
    </rPh>
    <rPh sb="36" eb="38">
      <t>シュウヘン</t>
    </rPh>
    <rPh sb="38" eb="40">
      <t>ジュウミン</t>
    </rPh>
    <rPh sb="42" eb="44">
      <t>キョウテイ</t>
    </rPh>
    <rPh sb="47" eb="50">
      <t>シチョウソン</t>
    </rPh>
    <rPh sb="50" eb="52">
      <t>ジョウレイ</t>
    </rPh>
    <rPh sb="53" eb="54">
      <t>モト</t>
    </rPh>
    <rPh sb="56" eb="58">
      <t>ジュンシュ</t>
    </rPh>
    <rPh sb="58" eb="60">
      <t>ジコウ</t>
    </rPh>
    <rPh sb="63" eb="65">
      <t>ツイカ</t>
    </rPh>
    <rPh sb="67" eb="69">
      <t>カンセイ</t>
    </rPh>
    <rPh sb="72" eb="74">
      <t>カンキョウ</t>
    </rPh>
    <rPh sb="85" eb="87">
      <t>テツヅキ</t>
    </rPh>
    <rPh sb="88" eb="89">
      <t>シタガ</t>
    </rPh>
    <rPh sb="95" eb="96">
      <t>オコナ</t>
    </rPh>
    <phoneticPr fontId="2"/>
  </si>
  <si>
    <t>　この「標準的チェックリスト」は、環境マネジメントシステムにおける「環境関連法令の順守」の取組に役立つよう、「重要かつ影響が大きい法令」の中から、一般的に各所属で共通的に取り組むべきと考えられる標準的な環境関連法令について、作成したものです。</t>
    <rPh sb="4" eb="7">
      <t>ヒョウジュンテキ</t>
    </rPh>
    <rPh sb="17" eb="19">
      <t>カンキョウ</t>
    </rPh>
    <rPh sb="34" eb="36">
      <t>カンキョウ</t>
    </rPh>
    <rPh sb="36" eb="38">
      <t>カンレン</t>
    </rPh>
    <rPh sb="38" eb="40">
      <t>ホウレイ</t>
    </rPh>
    <rPh sb="41" eb="43">
      <t>ジュンシュ</t>
    </rPh>
    <rPh sb="45" eb="47">
      <t>トリク</t>
    </rPh>
    <rPh sb="48" eb="50">
      <t>ヤクダ</t>
    </rPh>
    <rPh sb="55" eb="57">
      <t>ジュウヨウ</t>
    </rPh>
    <rPh sb="59" eb="61">
      <t>エイキョウ</t>
    </rPh>
    <rPh sb="62" eb="63">
      <t>オオ</t>
    </rPh>
    <rPh sb="65" eb="67">
      <t>ホウレイ</t>
    </rPh>
    <rPh sb="69" eb="70">
      <t>ナカ</t>
    </rPh>
    <rPh sb="73" eb="76">
      <t>イッパンテキ</t>
    </rPh>
    <rPh sb="77" eb="80">
      <t>カクショゾク</t>
    </rPh>
    <rPh sb="81" eb="84">
      <t>キョウツウテキ</t>
    </rPh>
    <rPh sb="92" eb="93">
      <t>カンガ</t>
    </rPh>
    <rPh sb="97" eb="100">
      <t>ヒョウジュンテキ</t>
    </rPh>
    <rPh sb="101" eb="103">
      <t>カンキョウ</t>
    </rPh>
    <rPh sb="103" eb="105">
      <t>カンレン</t>
    </rPh>
    <rPh sb="105" eb="107">
      <t>ホウレイ</t>
    </rPh>
    <rPh sb="112" eb="114">
      <t>サクセイ</t>
    </rPh>
    <phoneticPr fontId="2"/>
  </si>
  <si>
    <t>環境マネジメントシステムでは、事務効率化の観点からシステムのチェック対象とする法令を重点化していますが、法令の順守義務はここに掲げた法令のみに限られるものではありません。</t>
    <rPh sb="0" eb="2">
      <t>カンキョウ</t>
    </rPh>
    <rPh sb="15" eb="17">
      <t>ジム</t>
    </rPh>
    <rPh sb="17" eb="20">
      <t>コウリツカ</t>
    </rPh>
    <rPh sb="21" eb="23">
      <t>カンテン</t>
    </rPh>
    <rPh sb="34" eb="36">
      <t>タイショウ</t>
    </rPh>
    <rPh sb="39" eb="41">
      <t>ホウレイ</t>
    </rPh>
    <rPh sb="42" eb="44">
      <t>ジュウテン</t>
    </rPh>
    <rPh sb="44" eb="45">
      <t>カ</t>
    </rPh>
    <rPh sb="52" eb="54">
      <t>ホウレイ</t>
    </rPh>
    <rPh sb="55" eb="57">
      <t>ジュンシュ</t>
    </rPh>
    <rPh sb="57" eb="59">
      <t>ギム</t>
    </rPh>
    <rPh sb="63" eb="64">
      <t>カカ</t>
    </rPh>
    <rPh sb="66" eb="68">
      <t>ホウレイ</t>
    </rPh>
    <rPh sb="71" eb="72">
      <t>カギ</t>
    </rPh>
    <phoneticPr fontId="2"/>
  </si>
  <si>
    <t>特に、公害関係の法令に係る規制値・基準値などは、所在する地域や市町村、設置時期などにより異なる場合がありますので御注意ください。</t>
    <rPh sb="0" eb="1">
      <t>トク</t>
    </rPh>
    <rPh sb="3" eb="5">
      <t>コウガイ</t>
    </rPh>
    <rPh sb="5" eb="7">
      <t>カンケイ</t>
    </rPh>
    <rPh sb="8" eb="10">
      <t>ホウレイ</t>
    </rPh>
    <rPh sb="11" eb="12">
      <t>カカ</t>
    </rPh>
    <rPh sb="13" eb="16">
      <t>キセイチ</t>
    </rPh>
    <rPh sb="17" eb="19">
      <t>キジュン</t>
    </rPh>
    <rPh sb="19" eb="20">
      <t>チ</t>
    </rPh>
    <rPh sb="24" eb="26">
      <t>ショザイ</t>
    </rPh>
    <rPh sb="28" eb="30">
      <t>チイキ</t>
    </rPh>
    <rPh sb="31" eb="34">
      <t>シチョウソン</t>
    </rPh>
    <rPh sb="35" eb="37">
      <t>セッチ</t>
    </rPh>
    <rPh sb="37" eb="39">
      <t>ジキ</t>
    </rPh>
    <rPh sb="44" eb="45">
      <t>コト</t>
    </rPh>
    <rPh sb="47" eb="49">
      <t>バアイ</t>
    </rPh>
    <rPh sb="56" eb="57">
      <t>ゴ</t>
    </rPh>
    <rPh sb="57" eb="59">
      <t>チュウイ</t>
    </rPh>
    <phoneticPr fontId="2"/>
  </si>
  <si>
    <t>Ｈ12の５
Ｋ８の31の２・３</t>
    <phoneticPr fontId="2"/>
  </si>
  <si>
    <t>■電子マニフェスト使用の義務■
・前々年度の特別管理産業廃棄物（PCB廃棄物を
　除く。）の発生量が年間50トン以上の事業場を
　設置している排出事業者は、当該事業場から
　生じる特別管理産業廃棄物（PCB廃棄物を除く。）
　の処理を委託する場合、電子マニフェストを
　使用する</t>
    <phoneticPr fontId="2"/>
  </si>
  <si>
    <t>□電子マニフェストを使用しているか</t>
    <phoneticPr fontId="2"/>
  </si>
  <si>
    <t>Ｈ5</t>
    <phoneticPr fontId="2"/>
  </si>
  <si>
    <t>■製造■
・冷凍能力20トン以上の設備による高圧ガスの製
　造は、第Ⅰ種製造者として許可を受けて行う
　★詳細は冷凍保安規則3～9条に記載</t>
    <rPh sb="1" eb="3">
      <t>セイゾウ</t>
    </rPh>
    <rPh sb="6" eb="8">
      <t>レイトウ</t>
    </rPh>
    <rPh sb="8" eb="10">
      <t>ノウリョク</t>
    </rPh>
    <rPh sb="14" eb="16">
      <t>イジョウ</t>
    </rPh>
    <rPh sb="17" eb="19">
      <t>セツビ</t>
    </rPh>
    <rPh sb="22" eb="24">
      <t>コウアツ</t>
    </rPh>
    <rPh sb="27" eb="28">
      <t>セイ</t>
    </rPh>
    <rPh sb="30" eb="31">
      <t>ヅクリ</t>
    </rPh>
    <rPh sb="33" eb="34">
      <t>ダイ</t>
    </rPh>
    <rPh sb="35" eb="36">
      <t>シュ</t>
    </rPh>
    <rPh sb="36" eb="38">
      <t>セイゾウ</t>
    </rPh>
    <rPh sb="38" eb="39">
      <t>シャ</t>
    </rPh>
    <rPh sb="42" eb="44">
      <t>キョカ</t>
    </rPh>
    <rPh sb="45" eb="46">
      <t>ウ</t>
    </rPh>
    <rPh sb="48" eb="49">
      <t>オコナ</t>
    </rPh>
    <rPh sb="53" eb="55">
      <t>ショウサイ</t>
    </rPh>
    <rPh sb="56" eb="58">
      <t>レイトウ</t>
    </rPh>
    <rPh sb="58" eb="60">
      <t>ホアン</t>
    </rPh>
    <rPh sb="60" eb="62">
      <t>キソク</t>
    </rPh>
    <rPh sb="65" eb="66">
      <t>ジョウ</t>
    </rPh>
    <rPh sb="67" eb="69">
      <t>キサイ</t>
    </rPh>
    <phoneticPr fontId="2"/>
  </si>
  <si>
    <t>□第１種製造の許可を
　確認</t>
    <rPh sb="1" eb="2">
      <t>ダイ</t>
    </rPh>
    <rPh sb="3" eb="4">
      <t>シュ</t>
    </rPh>
    <rPh sb="4" eb="6">
      <t>セイゾウ</t>
    </rPh>
    <rPh sb="7" eb="9">
      <t>キョカ</t>
    </rPh>
    <rPh sb="12" eb="14">
      <t>カクニン</t>
    </rPh>
    <phoneticPr fontId="2"/>
  </si>
  <si>
    <t>Ｈ5</t>
    <phoneticPr fontId="2"/>
  </si>
  <si>
    <t>■製造■
・冷凍能力3トン以上の設備による高圧ガスの製造
　しようとするときは、第２種製造者として製造
　の開始の日の20日前までに届出を行う。
　★詳細は冷凍保安規則7～9条に記載</t>
    <rPh sb="1" eb="3">
      <t>セイゾウ</t>
    </rPh>
    <rPh sb="6" eb="8">
      <t>レイトウ</t>
    </rPh>
    <rPh sb="8" eb="10">
      <t>ノウリョク</t>
    </rPh>
    <rPh sb="13" eb="15">
      <t>イジョウ</t>
    </rPh>
    <rPh sb="16" eb="18">
      <t>セツビ</t>
    </rPh>
    <rPh sb="21" eb="23">
      <t>コウアツ</t>
    </rPh>
    <rPh sb="26" eb="28">
      <t>セイゾウ</t>
    </rPh>
    <rPh sb="40" eb="41">
      <t>ダイ</t>
    </rPh>
    <rPh sb="42" eb="43">
      <t>シュ</t>
    </rPh>
    <rPh sb="43" eb="45">
      <t>セイゾウ</t>
    </rPh>
    <rPh sb="45" eb="46">
      <t>シャ</t>
    </rPh>
    <rPh sb="49" eb="51">
      <t>セイゾウ</t>
    </rPh>
    <rPh sb="54" eb="56">
      <t>カイシ</t>
    </rPh>
    <rPh sb="57" eb="58">
      <t>ヒ</t>
    </rPh>
    <rPh sb="61" eb="63">
      <t>ニチマエ</t>
    </rPh>
    <rPh sb="66" eb="68">
      <t>トドケデ</t>
    </rPh>
    <rPh sb="69" eb="70">
      <t>オコナ</t>
    </rPh>
    <rPh sb="75" eb="77">
      <t>ショウサイ</t>
    </rPh>
    <rPh sb="78" eb="80">
      <t>レイトウ</t>
    </rPh>
    <rPh sb="80" eb="82">
      <t>ホアン</t>
    </rPh>
    <rPh sb="82" eb="84">
      <t>キソク</t>
    </rPh>
    <rPh sb="87" eb="88">
      <t>ジョウ</t>
    </rPh>
    <rPh sb="89" eb="91">
      <t>キサイ</t>
    </rPh>
    <phoneticPr fontId="2"/>
  </si>
  <si>
    <t>□第２種製造の届け出を
　確認</t>
    <rPh sb="1" eb="2">
      <t>ダイ</t>
    </rPh>
    <rPh sb="3" eb="4">
      <t>シュ</t>
    </rPh>
    <rPh sb="4" eb="6">
      <t>セイゾウ</t>
    </rPh>
    <rPh sb="7" eb="8">
      <t>トド</t>
    </rPh>
    <rPh sb="9" eb="10">
      <t>デ</t>
    </rPh>
    <rPh sb="13" eb="15">
      <t>カクニン</t>
    </rPh>
    <phoneticPr fontId="2"/>
  </si>
  <si>
    <t>H11</t>
    <phoneticPr fontId="2"/>
  </si>
  <si>
    <t>■第１種製造者の基準維持■
・製造のための施設の位置、構造、設備が技術上
　の基準に適合するよう維持
・基準に定める方法で高圧ガスを製造</t>
    <rPh sb="1" eb="2">
      <t>ダイ</t>
    </rPh>
    <rPh sb="3" eb="4">
      <t>シュ</t>
    </rPh>
    <rPh sb="4" eb="7">
      <t>セイゾウシャ</t>
    </rPh>
    <rPh sb="8" eb="10">
      <t>キジュン</t>
    </rPh>
    <rPh sb="10" eb="12">
      <t>イジ</t>
    </rPh>
    <rPh sb="15" eb="17">
      <t>セイゾウ</t>
    </rPh>
    <rPh sb="21" eb="23">
      <t>シセツ</t>
    </rPh>
    <rPh sb="24" eb="26">
      <t>イチ</t>
    </rPh>
    <rPh sb="27" eb="29">
      <t>コウゾウ</t>
    </rPh>
    <rPh sb="30" eb="32">
      <t>セツビ</t>
    </rPh>
    <rPh sb="33" eb="35">
      <t>ギジュツ</t>
    </rPh>
    <rPh sb="35" eb="36">
      <t>ジョウ</t>
    </rPh>
    <rPh sb="39" eb="41">
      <t>キジュン</t>
    </rPh>
    <rPh sb="42" eb="44">
      <t>テキゴウ</t>
    </rPh>
    <rPh sb="48" eb="50">
      <t>イジ</t>
    </rPh>
    <rPh sb="52" eb="54">
      <t>キジュン</t>
    </rPh>
    <rPh sb="55" eb="56">
      <t>サダ</t>
    </rPh>
    <rPh sb="58" eb="60">
      <t>ホウホウ</t>
    </rPh>
    <rPh sb="61" eb="63">
      <t>コウアツ</t>
    </rPh>
    <rPh sb="66" eb="68">
      <t>セイゾウ</t>
    </rPh>
    <phoneticPr fontId="2"/>
  </si>
  <si>
    <t>□第１種製造者の維持の
　状態確認</t>
    <rPh sb="1" eb="2">
      <t>ダイ</t>
    </rPh>
    <rPh sb="3" eb="4">
      <t>シュ</t>
    </rPh>
    <rPh sb="4" eb="7">
      <t>セイゾウシャ</t>
    </rPh>
    <rPh sb="8" eb="10">
      <t>イジ</t>
    </rPh>
    <rPh sb="13" eb="15">
      <t>ジョウタイ</t>
    </rPh>
    <rPh sb="15" eb="17">
      <t>カクニン</t>
    </rPh>
    <phoneticPr fontId="2"/>
  </si>
  <si>
    <t>H12</t>
  </si>
  <si>
    <t>■第２種製造者の基準維持■
・製造のための施設の位置、構造、設備が技術上
　の基準に適合するよう維持
・基準に定める方法で高圧ガスを製造</t>
    <rPh sb="1" eb="2">
      <t>ダイ</t>
    </rPh>
    <rPh sb="3" eb="4">
      <t>シュ</t>
    </rPh>
    <rPh sb="4" eb="7">
      <t>セイゾウシャ</t>
    </rPh>
    <rPh sb="8" eb="10">
      <t>キジュン</t>
    </rPh>
    <rPh sb="10" eb="12">
      <t>イジ</t>
    </rPh>
    <rPh sb="15" eb="17">
      <t>セイゾウ</t>
    </rPh>
    <rPh sb="21" eb="23">
      <t>シセツ</t>
    </rPh>
    <rPh sb="24" eb="26">
      <t>イチ</t>
    </rPh>
    <rPh sb="27" eb="29">
      <t>コウゾウ</t>
    </rPh>
    <rPh sb="30" eb="32">
      <t>セツビ</t>
    </rPh>
    <rPh sb="33" eb="35">
      <t>ギジュツ</t>
    </rPh>
    <rPh sb="35" eb="36">
      <t>ジョウ</t>
    </rPh>
    <rPh sb="39" eb="41">
      <t>キジュン</t>
    </rPh>
    <rPh sb="42" eb="44">
      <t>テキゴウ</t>
    </rPh>
    <rPh sb="48" eb="50">
      <t>イジ</t>
    </rPh>
    <rPh sb="52" eb="54">
      <t>キジュン</t>
    </rPh>
    <rPh sb="55" eb="56">
      <t>サダ</t>
    </rPh>
    <rPh sb="58" eb="60">
      <t>ホウホウ</t>
    </rPh>
    <rPh sb="61" eb="63">
      <t>コウアツ</t>
    </rPh>
    <rPh sb="66" eb="68">
      <t>セイゾウ</t>
    </rPh>
    <phoneticPr fontId="2"/>
  </si>
  <si>
    <t>□第２種製造者の維持の
　状態確認</t>
    <rPh sb="1" eb="2">
      <t>ダイ</t>
    </rPh>
    <rPh sb="3" eb="4">
      <t>シュ</t>
    </rPh>
    <rPh sb="4" eb="7">
      <t>セイゾウシャ</t>
    </rPh>
    <rPh sb="8" eb="10">
      <t>イジ</t>
    </rPh>
    <rPh sb="13" eb="15">
      <t>ジョウタイ</t>
    </rPh>
    <rPh sb="15" eb="17">
      <t>カクニン</t>
    </rPh>
    <phoneticPr fontId="2"/>
  </si>
  <si>
    <t>H14</t>
    <phoneticPr fontId="2"/>
  </si>
  <si>
    <t>■第１種製造者の変更許可■
・製造のための施設の位置、構造、設備を変更し
　ようとするときは、許可を受ける。
・製造をするガスの種類、製造の方法を変更しよ
　うとするときは、許可を受ける。</t>
    <rPh sb="1" eb="2">
      <t>ダイ</t>
    </rPh>
    <rPh sb="3" eb="4">
      <t>シュ</t>
    </rPh>
    <rPh sb="4" eb="7">
      <t>セイゾウシャ</t>
    </rPh>
    <rPh sb="8" eb="10">
      <t>ヘンコウ</t>
    </rPh>
    <rPh sb="10" eb="12">
      <t>キョカ</t>
    </rPh>
    <rPh sb="15" eb="17">
      <t>セイゾウ</t>
    </rPh>
    <rPh sb="21" eb="23">
      <t>シセツ</t>
    </rPh>
    <rPh sb="24" eb="26">
      <t>イチ</t>
    </rPh>
    <rPh sb="27" eb="29">
      <t>コウゾウ</t>
    </rPh>
    <rPh sb="30" eb="32">
      <t>セツビ</t>
    </rPh>
    <rPh sb="33" eb="35">
      <t>ヘンコウ</t>
    </rPh>
    <rPh sb="47" eb="49">
      <t>キョカ</t>
    </rPh>
    <rPh sb="50" eb="51">
      <t>ウ</t>
    </rPh>
    <rPh sb="56" eb="58">
      <t>セイゾウ</t>
    </rPh>
    <rPh sb="64" eb="66">
      <t>シュルイ</t>
    </rPh>
    <rPh sb="67" eb="69">
      <t>セイゾウ</t>
    </rPh>
    <rPh sb="70" eb="72">
      <t>ホウホウ</t>
    </rPh>
    <rPh sb="73" eb="75">
      <t>ヘンコウ</t>
    </rPh>
    <rPh sb="87" eb="89">
      <t>キョカ</t>
    </rPh>
    <rPh sb="90" eb="91">
      <t>ウ</t>
    </rPh>
    <phoneticPr fontId="2"/>
  </si>
  <si>
    <t>□工事等を行う前の手続
　きを確認</t>
    <rPh sb="1" eb="3">
      <t>コウジ</t>
    </rPh>
    <rPh sb="3" eb="4">
      <t>トウ</t>
    </rPh>
    <rPh sb="5" eb="6">
      <t>オコナ</t>
    </rPh>
    <rPh sb="7" eb="8">
      <t>マエ</t>
    </rPh>
    <rPh sb="9" eb="11">
      <t>テツヅ</t>
    </rPh>
    <rPh sb="15" eb="17">
      <t>カクニン</t>
    </rPh>
    <phoneticPr fontId="2"/>
  </si>
  <si>
    <t>■第１種製造者の軽微な変更の届出■
・製造のための設備に軽微な変更の工事を行った
　ときは、遅滞なく届け出る。</t>
    <rPh sb="1" eb="2">
      <t>ダイ</t>
    </rPh>
    <rPh sb="3" eb="4">
      <t>シュ</t>
    </rPh>
    <rPh sb="4" eb="7">
      <t>セイゾウシャ</t>
    </rPh>
    <rPh sb="8" eb="10">
      <t>ケイビ</t>
    </rPh>
    <rPh sb="11" eb="13">
      <t>ヘンコウ</t>
    </rPh>
    <rPh sb="14" eb="16">
      <t>トドケデ</t>
    </rPh>
    <rPh sb="19" eb="21">
      <t>セイゾウ</t>
    </rPh>
    <rPh sb="25" eb="27">
      <t>セツビ</t>
    </rPh>
    <rPh sb="28" eb="30">
      <t>ケイビ</t>
    </rPh>
    <rPh sb="31" eb="33">
      <t>ヘンコウ</t>
    </rPh>
    <rPh sb="34" eb="36">
      <t>コウジ</t>
    </rPh>
    <rPh sb="37" eb="38">
      <t>オコナ</t>
    </rPh>
    <rPh sb="46" eb="48">
      <t>チタイ</t>
    </rPh>
    <rPh sb="50" eb="51">
      <t>トド</t>
    </rPh>
    <rPh sb="52" eb="53">
      <t>デ</t>
    </rPh>
    <phoneticPr fontId="2"/>
  </si>
  <si>
    <t>□工事等の終了後の手続
　きを確認</t>
    <rPh sb="1" eb="3">
      <t>コウジ</t>
    </rPh>
    <rPh sb="3" eb="4">
      <t>トウ</t>
    </rPh>
    <rPh sb="5" eb="8">
      <t>シュウリョウゴ</t>
    </rPh>
    <rPh sb="9" eb="11">
      <t>テツヅ</t>
    </rPh>
    <rPh sb="15" eb="17">
      <t>カクニン</t>
    </rPh>
    <phoneticPr fontId="2"/>
  </si>
  <si>
    <t>■第２種製造者の変更届■
・製造のための施設の位置、構造、設備の変更の
　工事をし、又は製造をするガスの種類、製造の
　方法を変更しようとするときは、あらかじめ届
　け出る。</t>
    <rPh sb="1" eb="2">
      <t>ダイ</t>
    </rPh>
    <rPh sb="3" eb="4">
      <t>シュ</t>
    </rPh>
    <rPh sb="4" eb="7">
      <t>セイゾウシャ</t>
    </rPh>
    <rPh sb="8" eb="10">
      <t>ヘンコウ</t>
    </rPh>
    <rPh sb="10" eb="11">
      <t>トドケ</t>
    </rPh>
    <rPh sb="14" eb="16">
      <t>セイゾウ</t>
    </rPh>
    <rPh sb="20" eb="22">
      <t>シセツ</t>
    </rPh>
    <rPh sb="23" eb="25">
      <t>イチ</t>
    </rPh>
    <rPh sb="26" eb="28">
      <t>コウゾウ</t>
    </rPh>
    <rPh sb="29" eb="31">
      <t>セツビ</t>
    </rPh>
    <rPh sb="32" eb="34">
      <t>ヘンコウ</t>
    </rPh>
    <rPh sb="37" eb="39">
      <t>コウジ</t>
    </rPh>
    <rPh sb="42" eb="43">
      <t>マタ</t>
    </rPh>
    <rPh sb="44" eb="46">
      <t>セイゾウ</t>
    </rPh>
    <rPh sb="52" eb="54">
      <t>シュルイ</t>
    </rPh>
    <rPh sb="55" eb="57">
      <t>セイゾウ</t>
    </rPh>
    <rPh sb="60" eb="62">
      <t>ホウホウ</t>
    </rPh>
    <rPh sb="63" eb="65">
      <t>ヘンコウ</t>
    </rPh>
    <rPh sb="80" eb="81">
      <t>トド</t>
    </rPh>
    <rPh sb="84" eb="85">
      <t>デ</t>
    </rPh>
    <phoneticPr fontId="2"/>
  </si>
  <si>
    <t>H17-2</t>
    <phoneticPr fontId="2"/>
  </si>
  <si>
    <t>■第２種貯蔵所■
・300㎥以上の高圧ガスの貯蔵は、届け出て設置す　　
　る第２種貯蔵所で行う（第1種貯蔵所を除く）
　★詳細は一般高圧ガス保安規則18～30条に記載</t>
    <rPh sb="1" eb="2">
      <t>ダイ</t>
    </rPh>
    <rPh sb="3" eb="4">
      <t>シュ</t>
    </rPh>
    <rPh sb="4" eb="6">
      <t>チョゾウ</t>
    </rPh>
    <rPh sb="6" eb="7">
      <t>ショ</t>
    </rPh>
    <rPh sb="14" eb="16">
      <t>イジョウ</t>
    </rPh>
    <rPh sb="17" eb="19">
      <t>コウアツ</t>
    </rPh>
    <rPh sb="22" eb="24">
      <t>チョゾウ</t>
    </rPh>
    <rPh sb="26" eb="27">
      <t>トド</t>
    </rPh>
    <rPh sb="28" eb="29">
      <t>デ</t>
    </rPh>
    <rPh sb="30" eb="31">
      <t>セツ</t>
    </rPh>
    <rPh sb="31" eb="32">
      <t>チ</t>
    </rPh>
    <rPh sb="38" eb="39">
      <t>ダイ</t>
    </rPh>
    <rPh sb="40" eb="41">
      <t>シュ</t>
    </rPh>
    <rPh sb="41" eb="43">
      <t>チョゾウ</t>
    </rPh>
    <rPh sb="43" eb="44">
      <t>ショ</t>
    </rPh>
    <rPh sb="45" eb="46">
      <t>オコナ</t>
    </rPh>
    <rPh sb="48" eb="49">
      <t>ダイ</t>
    </rPh>
    <rPh sb="50" eb="51">
      <t>シュ</t>
    </rPh>
    <rPh sb="51" eb="54">
      <t>チョゾウショ</t>
    </rPh>
    <rPh sb="55" eb="56">
      <t>ノゾ</t>
    </rPh>
    <rPh sb="61" eb="63">
      <t>ショウサイ</t>
    </rPh>
    <rPh sb="64" eb="66">
      <t>イッパン</t>
    </rPh>
    <rPh sb="66" eb="68">
      <t>コウアツ</t>
    </rPh>
    <rPh sb="70" eb="72">
      <t>ホアン</t>
    </rPh>
    <rPh sb="72" eb="74">
      <t>キソク</t>
    </rPh>
    <rPh sb="79" eb="80">
      <t>ジョウ</t>
    </rPh>
    <rPh sb="81" eb="83">
      <t>キサイ</t>
    </rPh>
    <phoneticPr fontId="2"/>
  </si>
  <si>
    <t>□第２種貯蔵所の届け出
　を確認</t>
    <rPh sb="1" eb="2">
      <t>ダイ</t>
    </rPh>
    <rPh sb="3" eb="4">
      <t>シュ</t>
    </rPh>
    <rPh sb="4" eb="7">
      <t>チョゾウショ</t>
    </rPh>
    <rPh sb="8" eb="9">
      <t>トド</t>
    </rPh>
    <rPh sb="10" eb="11">
      <t>デ</t>
    </rPh>
    <rPh sb="14" eb="16">
      <t>カクニン</t>
    </rPh>
    <phoneticPr fontId="2"/>
  </si>
  <si>
    <t>Ｈ18</t>
    <phoneticPr fontId="2"/>
  </si>
  <si>
    <t>■第１種貯蔵所の変更の許可■
・構造、設備等を変更しようとするときは、知事
　の許可を得る</t>
    <rPh sb="1" eb="2">
      <t>ダイ</t>
    </rPh>
    <rPh sb="3" eb="4">
      <t>シュ</t>
    </rPh>
    <rPh sb="4" eb="6">
      <t>チョゾウ</t>
    </rPh>
    <rPh sb="6" eb="7">
      <t>ショ</t>
    </rPh>
    <rPh sb="8" eb="10">
      <t>ヘンコウ</t>
    </rPh>
    <rPh sb="11" eb="13">
      <t>キョカ</t>
    </rPh>
    <rPh sb="16" eb="18">
      <t>コウゾウ</t>
    </rPh>
    <rPh sb="19" eb="21">
      <t>セツビ</t>
    </rPh>
    <rPh sb="21" eb="22">
      <t>トウ</t>
    </rPh>
    <rPh sb="23" eb="25">
      <t>ヘンコウ</t>
    </rPh>
    <rPh sb="35" eb="37">
      <t>チジ</t>
    </rPh>
    <rPh sb="40" eb="42">
      <t>キョカ</t>
    </rPh>
    <rPh sb="43" eb="44">
      <t>エ</t>
    </rPh>
    <phoneticPr fontId="2"/>
  </si>
  <si>
    <t>■第２種貯蔵所の変更の届出■
・構造、設備等を変更しようとするときは、あら
　かじめ知事に届け出る。</t>
    <rPh sb="1" eb="2">
      <t>ダイ</t>
    </rPh>
    <rPh sb="3" eb="4">
      <t>シュ</t>
    </rPh>
    <rPh sb="4" eb="6">
      <t>チョゾウ</t>
    </rPh>
    <rPh sb="6" eb="7">
      <t>ショ</t>
    </rPh>
    <rPh sb="8" eb="10">
      <t>ヘンコウ</t>
    </rPh>
    <rPh sb="11" eb="12">
      <t>トド</t>
    </rPh>
    <rPh sb="12" eb="13">
      <t>デ</t>
    </rPh>
    <rPh sb="16" eb="18">
      <t>コウゾウ</t>
    </rPh>
    <rPh sb="19" eb="21">
      <t>セツビ</t>
    </rPh>
    <rPh sb="21" eb="22">
      <t>トウ</t>
    </rPh>
    <rPh sb="23" eb="25">
      <t>ヘンコウ</t>
    </rPh>
    <rPh sb="42" eb="44">
      <t>チジ</t>
    </rPh>
    <rPh sb="45" eb="46">
      <t>トド</t>
    </rPh>
    <rPh sb="47" eb="48">
      <t>デ</t>
    </rPh>
    <phoneticPr fontId="2"/>
  </si>
  <si>
    <t>□第２種貯蔵所の届出を
　確認
□変更の有無を確認
□変更届を確認</t>
    <rPh sb="1" eb="2">
      <t>ダイ</t>
    </rPh>
    <rPh sb="3" eb="4">
      <t>シュ</t>
    </rPh>
    <rPh sb="4" eb="6">
      <t>チョゾウ</t>
    </rPh>
    <rPh sb="6" eb="7">
      <t>ショ</t>
    </rPh>
    <rPh sb="8" eb="10">
      <t>トドケデ</t>
    </rPh>
    <rPh sb="13" eb="15">
      <t>カクニン</t>
    </rPh>
    <rPh sb="17" eb="19">
      <t>ヘンコウ</t>
    </rPh>
    <rPh sb="20" eb="22">
      <t>ウム</t>
    </rPh>
    <rPh sb="23" eb="25">
      <t>カクニン</t>
    </rPh>
    <rPh sb="27" eb="29">
      <t>ヘンコウ</t>
    </rPh>
    <rPh sb="29" eb="30">
      <t>トドケ</t>
    </rPh>
    <rPh sb="31" eb="33">
      <t>カクニン</t>
    </rPh>
    <phoneticPr fontId="2"/>
  </si>
  <si>
    <t>Ｈ20</t>
  </si>
  <si>
    <t>■完成検査
・製造の許可、第１種貯蔵所の許可、製造施設の
　変更許可、第1種貯蔵所の変更許可を受けた場合
　は、製造のための施設又は貯蔵所の完成検査を
　受ける。</t>
    <rPh sb="1" eb="3">
      <t>カンセイ</t>
    </rPh>
    <rPh sb="3" eb="5">
      <t>ケンサ</t>
    </rPh>
    <rPh sb="7" eb="9">
      <t>セイゾウ</t>
    </rPh>
    <rPh sb="10" eb="12">
      <t>キョカ</t>
    </rPh>
    <rPh sb="13" eb="14">
      <t>ダイ</t>
    </rPh>
    <rPh sb="15" eb="16">
      <t>シュ</t>
    </rPh>
    <rPh sb="16" eb="19">
      <t>チョゾウショ</t>
    </rPh>
    <rPh sb="20" eb="22">
      <t>キョカ</t>
    </rPh>
    <rPh sb="23" eb="25">
      <t>セイゾウ</t>
    </rPh>
    <rPh sb="25" eb="27">
      <t>シセツ</t>
    </rPh>
    <rPh sb="30" eb="32">
      <t>ヘンコウ</t>
    </rPh>
    <rPh sb="32" eb="34">
      <t>キョカ</t>
    </rPh>
    <rPh sb="35" eb="36">
      <t>ダイ</t>
    </rPh>
    <rPh sb="37" eb="38">
      <t>シュ</t>
    </rPh>
    <rPh sb="38" eb="41">
      <t>チョゾウショ</t>
    </rPh>
    <rPh sb="42" eb="44">
      <t>ヘンコウ</t>
    </rPh>
    <rPh sb="44" eb="46">
      <t>キョカ</t>
    </rPh>
    <rPh sb="47" eb="48">
      <t>ウ</t>
    </rPh>
    <rPh sb="50" eb="52">
      <t>バアイ</t>
    </rPh>
    <rPh sb="56" eb="58">
      <t>セイゾウ</t>
    </rPh>
    <rPh sb="62" eb="64">
      <t>シセツ</t>
    </rPh>
    <rPh sb="64" eb="65">
      <t>マタ</t>
    </rPh>
    <rPh sb="66" eb="69">
      <t>チョゾウショ</t>
    </rPh>
    <rPh sb="70" eb="72">
      <t>カンセイ</t>
    </rPh>
    <rPh sb="72" eb="74">
      <t>ケンサ</t>
    </rPh>
    <rPh sb="77" eb="78">
      <t>ウ</t>
    </rPh>
    <phoneticPr fontId="2"/>
  </si>
  <si>
    <t>□完成検査証を確認</t>
    <rPh sb="1" eb="3">
      <t>カンセイ</t>
    </rPh>
    <rPh sb="3" eb="6">
      <t>ケンサショウ</t>
    </rPh>
    <rPh sb="7" eb="9">
      <t>カクニン</t>
    </rPh>
    <phoneticPr fontId="2"/>
  </si>
  <si>
    <t>Ｈ21</t>
  </si>
  <si>
    <t>Ｈ24の４</t>
  </si>
  <si>
    <t>■消費施設等の変更の届出等■
・特定高圧ガスの消費者は、消費のための施設の位置、構造、設備の変更の工事又は消費する高圧ガスの種類の変更若しくは消費の方法の変更をしようとするときは、あらかじめ都道府県知事に届け出る。
・特定高圧ガスの消費を廃止したときは、遅滞なく都道府県知事に届け出る。</t>
    <rPh sb="1" eb="3">
      <t>ショウヒ</t>
    </rPh>
    <rPh sb="3" eb="5">
      <t>シセツ</t>
    </rPh>
    <rPh sb="5" eb="6">
      <t>トウ</t>
    </rPh>
    <rPh sb="7" eb="9">
      <t>ヘンコウ</t>
    </rPh>
    <rPh sb="10" eb="12">
      <t>トドケデ</t>
    </rPh>
    <rPh sb="12" eb="13">
      <t>トウ</t>
    </rPh>
    <rPh sb="16" eb="18">
      <t>トクテイ</t>
    </rPh>
    <rPh sb="18" eb="20">
      <t>コウアツ</t>
    </rPh>
    <rPh sb="23" eb="25">
      <t>ショウヒ</t>
    </rPh>
    <rPh sb="25" eb="26">
      <t>シャ</t>
    </rPh>
    <rPh sb="28" eb="30">
      <t>ショウヒ</t>
    </rPh>
    <rPh sb="34" eb="36">
      <t>シセツ</t>
    </rPh>
    <rPh sb="37" eb="39">
      <t>イチ</t>
    </rPh>
    <rPh sb="40" eb="42">
      <t>コウゾウ</t>
    </rPh>
    <rPh sb="43" eb="45">
      <t>セツビ</t>
    </rPh>
    <rPh sb="46" eb="48">
      <t>ヘンコウ</t>
    </rPh>
    <rPh sb="49" eb="51">
      <t>コウジ</t>
    </rPh>
    <rPh sb="51" eb="52">
      <t>マタ</t>
    </rPh>
    <rPh sb="53" eb="55">
      <t>ショウヒ</t>
    </rPh>
    <rPh sb="57" eb="59">
      <t>コウアツ</t>
    </rPh>
    <rPh sb="62" eb="64">
      <t>シュルイ</t>
    </rPh>
    <rPh sb="65" eb="67">
      <t>ヘンコウ</t>
    </rPh>
    <rPh sb="67" eb="68">
      <t>モ</t>
    </rPh>
    <rPh sb="71" eb="73">
      <t>ショウヒ</t>
    </rPh>
    <rPh sb="74" eb="76">
      <t>ホウホウ</t>
    </rPh>
    <rPh sb="77" eb="79">
      <t>ヘンコウ</t>
    </rPh>
    <rPh sb="95" eb="99">
      <t>トドウフケン</t>
    </rPh>
    <rPh sb="99" eb="101">
      <t>チジ</t>
    </rPh>
    <rPh sb="102" eb="103">
      <t>トド</t>
    </rPh>
    <rPh sb="104" eb="105">
      <t>デ</t>
    </rPh>
    <rPh sb="109" eb="111">
      <t>トクテイ</t>
    </rPh>
    <rPh sb="111" eb="113">
      <t>コウアツ</t>
    </rPh>
    <rPh sb="116" eb="118">
      <t>ショウヒ</t>
    </rPh>
    <rPh sb="119" eb="121">
      <t>ハイシ</t>
    </rPh>
    <rPh sb="127" eb="129">
      <t>チタイ</t>
    </rPh>
    <rPh sb="131" eb="135">
      <t>トドウフケン</t>
    </rPh>
    <rPh sb="135" eb="137">
      <t>チジ</t>
    </rPh>
    <rPh sb="138" eb="139">
      <t>トド</t>
    </rPh>
    <rPh sb="140" eb="141">
      <t>デ</t>
    </rPh>
    <phoneticPr fontId="2"/>
  </si>
  <si>
    <t>H26</t>
    <phoneticPr fontId="2"/>
  </si>
  <si>
    <t>■危害予防規程
・第１種製造者は、危害予防規程を定め又は変更したときは、都道府県知事に届け出る。
・第１種製造者は、危害予防規程を遵守する。</t>
    <rPh sb="1" eb="3">
      <t>キガイ</t>
    </rPh>
    <rPh sb="3" eb="5">
      <t>ヨボウ</t>
    </rPh>
    <rPh sb="5" eb="7">
      <t>キテイ</t>
    </rPh>
    <rPh sb="9" eb="10">
      <t>ダイ</t>
    </rPh>
    <rPh sb="11" eb="12">
      <t>シュ</t>
    </rPh>
    <rPh sb="12" eb="15">
      <t>セイゾウシャ</t>
    </rPh>
    <rPh sb="17" eb="19">
      <t>キガイ</t>
    </rPh>
    <rPh sb="19" eb="21">
      <t>ヨボウ</t>
    </rPh>
    <rPh sb="21" eb="23">
      <t>キテイ</t>
    </rPh>
    <rPh sb="24" eb="25">
      <t>サダ</t>
    </rPh>
    <rPh sb="26" eb="27">
      <t>マタ</t>
    </rPh>
    <rPh sb="28" eb="30">
      <t>ヘンコウ</t>
    </rPh>
    <rPh sb="36" eb="40">
      <t>トドウフケン</t>
    </rPh>
    <rPh sb="40" eb="42">
      <t>チジ</t>
    </rPh>
    <rPh sb="43" eb="44">
      <t>トド</t>
    </rPh>
    <rPh sb="45" eb="46">
      <t>デ</t>
    </rPh>
    <rPh sb="50" eb="51">
      <t>ダイ</t>
    </rPh>
    <rPh sb="52" eb="53">
      <t>シュ</t>
    </rPh>
    <rPh sb="53" eb="56">
      <t>セイゾウシャ</t>
    </rPh>
    <rPh sb="58" eb="60">
      <t>キガイ</t>
    </rPh>
    <rPh sb="60" eb="62">
      <t>ヨボウ</t>
    </rPh>
    <rPh sb="62" eb="64">
      <t>キテイ</t>
    </rPh>
    <rPh sb="65" eb="67">
      <t>ジュンシュ</t>
    </rPh>
    <phoneticPr fontId="2"/>
  </si>
  <si>
    <t>□届出を確認
□順守状況を確認</t>
    <rPh sb="1" eb="3">
      <t>トドケデ</t>
    </rPh>
    <rPh sb="4" eb="6">
      <t>カクニン</t>
    </rPh>
    <rPh sb="8" eb="10">
      <t>ジュンシュ</t>
    </rPh>
    <rPh sb="10" eb="12">
      <t>ジョウキョウ</t>
    </rPh>
    <rPh sb="13" eb="15">
      <t>カクニン</t>
    </rPh>
    <phoneticPr fontId="2"/>
  </si>
  <si>
    <t>H27</t>
  </si>
  <si>
    <t>□保安教育計画を確認
□保安教育記録を確認</t>
    <rPh sb="1" eb="3">
      <t>ホアン</t>
    </rPh>
    <rPh sb="3" eb="5">
      <t>キョウイク</t>
    </rPh>
    <rPh sb="5" eb="7">
      <t>ケイカク</t>
    </rPh>
    <rPh sb="8" eb="10">
      <t>カクニン</t>
    </rPh>
    <rPh sb="12" eb="14">
      <t>ホアン</t>
    </rPh>
    <rPh sb="14" eb="16">
      <t>キョウイク</t>
    </rPh>
    <rPh sb="16" eb="18">
      <t>キロク</t>
    </rPh>
    <rPh sb="19" eb="21">
      <t>カクニン</t>
    </rPh>
    <phoneticPr fontId="2"/>
  </si>
  <si>
    <t>Ｈ27の４</t>
    <phoneticPr fontId="2"/>
  </si>
  <si>
    <t>■冷凍保安責任者■
・第１種製造者（ユニット型を除く。）は、有資格者から、冷凍保安責任者を選任する。
・冷凍保安責任者を選任･解任したときは、遅滞なく届け出る。</t>
    <rPh sb="1" eb="3">
      <t>レイトウ</t>
    </rPh>
    <rPh sb="3" eb="5">
      <t>ホアン</t>
    </rPh>
    <rPh sb="5" eb="8">
      <t>セキニンシャ</t>
    </rPh>
    <rPh sb="11" eb="12">
      <t>ダイ</t>
    </rPh>
    <rPh sb="13" eb="14">
      <t>シュ</t>
    </rPh>
    <rPh sb="14" eb="17">
      <t>セイゾウシャ</t>
    </rPh>
    <rPh sb="22" eb="23">
      <t>ガタ</t>
    </rPh>
    <rPh sb="24" eb="25">
      <t>ノゾ</t>
    </rPh>
    <rPh sb="30" eb="34">
      <t>ユウシカクシャ</t>
    </rPh>
    <rPh sb="37" eb="39">
      <t>レイトウ</t>
    </rPh>
    <rPh sb="39" eb="41">
      <t>ホアン</t>
    </rPh>
    <rPh sb="41" eb="44">
      <t>セキニンシャ</t>
    </rPh>
    <rPh sb="45" eb="47">
      <t>センニン</t>
    </rPh>
    <rPh sb="52" eb="54">
      <t>レイトウ</t>
    </rPh>
    <rPh sb="54" eb="56">
      <t>ホアン</t>
    </rPh>
    <rPh sb="56" eb="59">
      <t>セキニンシャ</t>
    </rPh>
    <rPh sb="60" eb="62">
      <t>センニン</t>
    </rPh>
    <rPh sb="63" eb="65">
      <t>カイニン</t>
    </rPh>
    <rPh sb="71" eb="73">
      <t>チタイ</t>
    </rPh>
    <rPh sb="75" eb="76">
      <t>トド</t>
    </rPh>
    <rPh sb="77" eb="78">
      <t>デ</t>
    </rPh>
    <phoneticPr fontId="2"/>
  </si>
  <si>
    <t>□有資格者の確認
□届出を確認</t>
    <rPh sb="1" eb="5">
      <t>ユウシカクシャ</t>
    </rPh>
    <rPh sb="6" eb="8">
      <t>カクニン</t>
    </rPh>
    <rPh sb="10" eb="12">
      <t>トドケデ</t>
    </rPh>
    <rPh sb="13" eb="15">
      <t>カクニン</t>
    </rPh>
    <phoneticPr fontId="2"/>
  </si>
  <si>
    <t>Ｈ28</t>
    <phoneticPr fontId="2"/>
  </si>
  <si>
    <t>■取扱主任者■
・特定高圧ガス消費者は、省令（★）に基づき特定高圧ガス取扱主任者を選任し、第32条第8項に定める職務を行わせる。
・特定高圧ガス取扱主任者の選解任を届け出る。
★省令：一般高圧ガス保安規則第73条</t>
    <rPh sb="1" eb="3">
      <t>トリアツカイ</t>
    </rPh>
    <rPh sb="3" eb="6">
      <t>シュニンシャ</t>
    </rPh>
    <rPh sb="9" eb="11">
      <t>トクテイ</t>
    </rPh>
    <rPh sb="11" eb="13">
      <t>コウアツ</t>
    </rPh>
    <rPh sb="15" eb="18">
      <t>ショウヒシャ</t>
    </rPh>
    <rPh sb="20" eb="22">
      <t>ショウレイ</t>
    </rPh>
    <rPh sb="26" eb="27">
      <t>モト</t>
    </rPh>
    <rPh sb="29" eb="31">
      <t>トクテイ</t>
    </rPh>
    <rPh sb="31" eb="33">
      <t>コウアツ</t>
    </rPh>
    <rPh sb="35" eb="37">
      <t>トリアツカイ</t>
    </rPh>
    <rPh sb="37" eb="40">
      <t>シュニンシャ</t>
    </rPh>
    <rPh sb="41" eb="43">
      <t>センニン</t>
    </rPh>
    <rPh sb="45" eb="46">
      <t>ダイ</t>
    </rPh>
    <rPh sb="48" eb="49">
      <t>ジョウ</t>
    </rPh>
    <rPh sb="49" eb="50">
      <t>ダイ</t>
    </rPh>
    <rPh sb="51" eb="52">
      <t>コウ</t>
    </rPh>
    <rPh sb="53" eb="54">
      <t>サダ</t>
    </rPh>
    <rPh sb="56" eb="58">
      <t>ショクム</t>
    </rPh>
    <rPh sb="59" eb="60">
      <t>オコナ</t>
    </rPh>
    <rPh sb="66" eb="68">
      <t>トクテイ</t>
    </rPh>
    <rPh sb="68" eb="70">
      <t>コウアツ</t>
    </rPh>
    <rPh sb="72" eb="74">
      <t>トリアツカイ</t>
    </rPh>
    <rPh sb="74" eb="77">
      <t>シュニンシャ</t>
    </rPh>
    <rPh sb="78" eb="79">
      <t>セン</t>
    </rPh>
    <rPh sb="79" eb="81">
      <t>カイニン</t>
    </rPh>
    <rPh sb="82" eb="83">
      <t>トド</t>
    </rPh>
    <rPh sb="84" eb="85">
      <t>デ</t>
    </rPh>
    <rPh sb="89" eb="91">
      <t>ショウレイ</t>
    </rPh>
    <rPh sb="92" eb="94">
      <t>イッパン</t>
    </rPh>
    <rPh sb="94" eb="96">
      <t>コウアツ</t>
    </rPh>
    <rPh sb="98" eb="100">
      <t>ホアン</t>
    </rPh>
    <rPh sb="100" eb="102">
      <t>キソク</t>
    </rPh>
    <rPh sb="102" eb="103">
      <t>ダイ</t>
    </rPh>
    <rPh sb="105" eb="106">
      <t>ジョウ</t>
    </rPh>
    <phoneticPr fontId="2"/>
  </si>
  <si>
    <t>Ｈ33</t>
    <phoneticPr fontId="2"/>
  </si>
  <si>
    <t>Ｈ35</t>
    <phoneticPr fontId="2"/>
  </si>
  <si>
    <t>■保安検査■
・第１種製造者は、製造のための施設について、定期に保安検査を受ける。
・都道府県知事以外の機関の保安検査を受けた場合は、受検届を提出する。</t>
    <rPh sb="1" eb="3">
      <t>ホアン</t>
    </rPh>
    <rPh sb="3" eb="5">
      <t>ケンサ</t>
    </rPh>
    <rPh sb="8" eb="9">
      <t>ダイ</t>
    </rPh>
    <rPh sb="10" eb="11">
      <t>シュ</t>
    </rPh>
    <rPh sb="11" eb="14">
      <t>セイゾウシャ</t>
    </rPh>
    <rPh sb="16" eb="18">
      <t>セイゾウ</t>
    </rPh>
    <rPh sb="22" eb="24">
      <t>シセツ</t>
    </rPh>
    <rPh sb="29" eb="31">
      <t>テイキ</t>
    </rPh>
    <rPh sb="32" eb="34">
      <t>ホアン</t>
    </rPh>
    <rPh sb="34" eb="36">
      <t>ケンサ</t>
    </rPh>
    <rPh sb="37" eb="38">
      <t>ウ</t>
    </rPh>
    <rPh sb="43" eb="47">
      <t>トドウフケン</t>
    </rPh>
    <rPh sb="47" eb="49">
      <t>チジ</t>
    </rPh>
    <rPh sb="49" eb="51">
      <t>イガイ</t>
    </rPh>
    <rPh sb="52" eb="54">
      <t>キカン</t>
    </rPh>
    <rPh sb="55" eb="57">
      <t>ホアン</t>
    </rPh>
    <rPh sb="57" eb="59">
      <t>ケンサ</t>
    </rPh>
    <rPh sb="60" eb="61">
      <t>ウ</t>
    </rPh>
    <rPh sb="63" eb="65">
      <t>バアイ</t>
    </rPh>
    <rPh sb="67" eb="69">
      <t>ジュケン</t>
    </rPh>
    <rPh sb="69" eb="70">
      <t>トドケ</t>
    </rPh>
    <rPh sb="71" eb="73">
      <t>テイシュツ</t>
    </rPh>
    <phoneticPr fontId="2"/>
  </si>
  <si>
    <t>□保安検査証の確認
□届出を確認</t>
    <rPh sb="1" eb="3">
      <t>ホアン</t>
    </rPh>
    <rPh sb="3" eb="5">
      <t>ケンサ</t>
    </rPh>
    <rPh sb="5" eb="6">
      <t>ショウ</t>
    </rPh>
    <rPh sb="7" eb="9">
      <t>カクニン</t>
    </rPh>
    <rPh sb="11" eb="13">
      <t>トドケデ</t>
    </rPh>
    <rPh sb="14" eb="16">
      <t>カクニン</t>
    </rPh>
    <phoneticPr fontId="2"/>
  </si>
  <si>
    <t>Ｈ35の２</t>
    <phoneticPr fontId="2"/>
  </si>
  <si>
    <t>□定期自主検査結果の確認
□定期自主検査記録の保存</t>
    <rPh sb="1" eb="3">
      <t>テイキ</t>
    </rPh>
    <rPh sb="3" eb="5">
      <t>ジシュ</t>
    </rPh>
    <rPh sb="5" eb="7">
      <t>ケンサ</t>
    </rPh>
    <rPh sb="7" eb="9">
      <t>ケッカ</t>
    </rPh>
    <rPh sb="10" eb="12">
      <t>カクニン</t>
    </rPh>
    <rPh sb="14" eb="16">
      <t>テイキ</t>
    </rPh>
    <rPh sb="16" eb="18">
      <t>ジシュ</t>
    </rPh>
    <rPh sb="18" eb="20">
      <t>ケンサ</t>
    </rPh>
    <rPh sb="20" eb="22">
      <t>キロク</t>
    </rPh>
    <rPh sb="23" eb="25">
      <t>ホゾン</t>
    </rPh>
    <phoneticPr fontId="2"/>
  </si>
  <si>
    <t>第1.6版を作成（「浄化槽」シートに「浄化槽の設置/変更届の提出」の期限を追記、「浄化槽の保守点検」の回数を修正、「高圧ガス」シートに冷凍設備に係る製造・製造者などの項目を追加、「産廃」シートに使用済特定家庭用機器（家電リサイクル法の規定）に係る説明を追記、「特管」シートに「電子マニフェスト使用の義務」を追加）</t>
    <rPh sb="0" eb="1">
      <t>ダイ</t>
    </rPh>
    <rPh sb="4" eb="5">
      <t>バン</t>
    </rPh>
    <rPh sb="6" eb="8">
      <t>サクセイ</t>
    </rPh>
    <rPh sb="10" eb="13">
      <t>ジョウカソウ</t>
    </rPh>
    <rPh sb="19" eb="22">
      <t>ジョウカソウ</t>
    </rPh>
    <rPh sb="23" eb="25">
      <t>セッチ</t>
    </rPh>
    <rPh sb="26" eb="28">
      <t>ヘンコウ</t>
    </rPh>
    <rPh sb="28" eb="29">
      <t>トドケ</t>
    </rPh>
    <rPh sb="30" eb="32">
      <t>テイシュツ</t>
    </rPh>
    <rPh sb="34" eb="36">
      <t>キゲン</t>
    </rPh>
    <rPh sb="37" eb="39">
      <t>ツイキ</t>
    </rPh>
    <rPh sb="41" eb="44">
      <t>ジョウカソウ</t>
    </rPh>
    <rPh sb="45" eb="47">
      <t>ホシュ</t>
    </rPh>
    <rPh sb="47" eb="49">
      <t>テンケン</t>
    </rPh>
    <rPh sb="51" eb="53">
      <t>カイスウ</t>
    </rPh>
    <rPh sb="54" eb="56">
      <t>シュウセイ</t>
    </rPh>
    <rPh sb="58" eb="60">
      <t>コウアツ</t>
    </rPh>
    <rPh sb="67" eb="69">
      <t>レイトウ</t>
    </rPh>
    <rPh sb="69" eb="71">
      <t>セツビ</t>
    </rPh>
    <rPh sb="72" eb="73">
      <t>カカワ</t>
    </rPh>
    <rPh sb="74" eb="76">
      <t>セイゾウ</t>
    </rPh>
    <rPh sb="77" eb="80">
      <t>セイゾウシャ</t>
    </rPh>
    <rPh sb="83" eb="85">
      <t>コウモク</t>
    </rPh>
    <rPh sb="86" eb="88">
      <t>ツイカ</t>
    </rPh>
    <rPh sb="90" eb="92">
      <t>サンパイ</t>
    </rPh>
    <rPh sb="97" eb="99">
      <t>シヨウ</t>
    </rPh>
    <rPh sb="99" eb="100">
      <t>スミ</t>
    </rPh>
    <rPh sb="100" eb="102">
      <t>トクテイ</t>
    </rPh>
    <rPh sb="102" eb="105">
      <t>カテイヨウ</t>
    </rPh>
    <rPh sb="105" eb="107">
      <t>キキ</t>
    </rPh>
    <rPh sb="108" eb="110">
      <t>カデン</t>
    </rPh>
    <rPh sb="115" eb="116">
      <t>ホウ</t>
    </rPh>
    <rPh sb="117" eb="119">
      <t>キテイ</t>
    </rPh>
    <rPh sb="121" eb="122">
      <t>カカ</t>
    </rPh>
    <rPh sb="123" eb="125">
      <t>セツメイ</t>
    </rPh>
    <rPh sb="126" eb="128">
      <t>ツイキ</t>
    </rPh>
    <rPh sb="130" eb="132">
      <t>トッカン</t>
    </rPh>
    <rPh sb="138" eb="140">
      <t>デンシ</t>
    </rPh>
    <rPh sb="146" eb="148">
      <t>シヨウ</t>
    </rPh>
    <rPh sb="149" eb="151">
      <t>ギム</t>
    </rPh>
    <rPh sb="153" eb="155">
      <t>ツイカ</t>
    </rPh>
    <phoneticPr fontId="2"/>
  </si>
  <si>
    <t>■製造の開始等の届出
・第１種製造者は、高圧ガスの製造を開始又は廃止したときは、都道府県知事に届け出る。
・第２種製造者は、高圧ガスの製造を廃止したときは、都道府県知事に届け出る。
・第１種貯蔵所又は第２種貯蔵所の所要者は、貯蔵所を廃止したときは、都道府県知事に届け出る。</t>
    <rPh sb="1" eb="3">
      <t>セイゾウ</t>
    </rPh>
    <rPh sb="4" eb="6">
      <t>カイシ</t>
    </rPh>
    <rPh sb="6" eb="7">
      <t>トウ</t>
    </rPh>
    <rPh sb="8" eb="10">
      <t>トドケデ</t>
    </rPh>
    <rPh sb="12" eb="13">
      <t>ダイ</t>
    </rPh>
    <rPh sb="14" eb="15">
      <t>タネ</t>
    </rPh>
    <rPh sb="15" eb="18">
      <t>セイゾウシャ</t>
    </rPh>
    <rPh sb="20" eb="22">
      <t>コウアツ</t>
    </rPh>
    <rPh sb="25" eb="27">
      <t>セイゾウ</t>
    </rPh>
    <rPh sb="28" eb="30">
      <t>カイシ</t>
    </rPh>
    <rPh sb="30" eb="31">
      <t>マタ</t>
    </rPh>
    <rPh sb="32" eb="34">
      <t>ハイシ</t>
    </rPh>
    <rPh sb="40" eb="44">
      <t>トドウフケン</t>
    </rPh>
    <rPh sb="44" eb="46">
      <t>チジ</t>
    </rPh>
    <rPh sb="47" eb="48">
      <t>トド</t>
    </rPh>
    <rPh sb="49" eb="50">
      <t>デ</t>
    </rPh>
    <rPh sb="54" eb="55">
      <t>ダイ</t>
    </rPh>
    <rPh sb="56" eb="57">
      <t>シュ</t>
    </rPh>
    <rPh sb="57" eb="60">
      <t>セイゾウシャ</t>
    </rPh>
    <rPh sb="62" eb="64">
      <t>コウアツ</t>
    </rPh>
    <rPh sb="67" eb="69">
      <t>セイゾウ</t>
    </rPh>
    <rPh sb="70" eb="72">
      <t>ハイシ</t>
    </rPh>
    <rPh sb="78" eb="82">
      <t>トドウフケン</t>
    </rPh>
    <rPh sb="82" eb="84">
      <t>チジ</t>
    </rPh>
    <rPh sb="85" eb="86">
      <t>トド</t>
    </rPh>
    <rPh sb="87" eb="88">
      <t>デ</t>
    </rPh>
    <rPh sb="92" eb="93">
      <t>ダイ</t>
    </rPh>
    <rPh sb="94" eb="95">
      <t>シュ</t>
    </rPh>
    <rPh sb="95" eb="98">
      <t>チョゾウショ</t>
    </rPh>
    <rPh sb="98" eb="99">
      <t>マタ</t>
    </rPh>
    <rPh sb="100" eb="101">
      <t>ダイ</t>
    </rPh>
    <rPh sb="102" eb="103">
      <t>シュ</t>
    </rPh>
    <rPh sb="103" eb="106">
      <t>チョゾウショ</t>
    </rPh>
    <rPh sb="107" eb="109">
      <t>ショヨウ</t>
    </rPh>
    <rPh sb="109" eb="110">
      <t>シャ</t>
    </rPh>
    <rPh sb="112" eb="115">
      <t>チョゾウショ</t>
    </rPh>
    <rPh sb="116" eb="118">
      <t>ハイシ</t>
    </rPh>
    <rPh sb="124" eb="128">
      <t>トドウフケン</t>
    </rPh>
    <rPh sb="128" eb="130">
      <t>チジ</t>
    </rPh>
    <rPh sb="131" eb="132">
      <t>トド</t>
    </rPh>
    <rPh sb="133" eb="134">
      <t>デ</t>
    </rPh>
    <phoneticPr fontId="2"/>
  </si>
  <si>
    <t>■保安教育
・第１種製造者は、保安教育計画を定め、計画に忠実に従業員に対する教育を実施する。
・第２種製造者、第１種貯蔵所・第２種貯蔵所の所有者、特定高圧ガス消費者は、従業員に対する保安教育を行う。</t>
    <rPh sb="1" eb="3">
      <t>ホアン</t>
    </rPh>
    <rPh sb="3" eb="5">
      <t>キョウイク</t>
    </rPh>
    <rPh sb="7" eb="8">
      <t>ダイ</t>
    </rPh>
    <rPh sb="9" eb="10">
      <t>シュ</t>
    </rPh>
    <rPh sb="10" eb="13">
      <t>セイゾウシャ</t>
    </rPh>
    <rPh sb="15" eb="17">
      <t>ホアン</t>
    </rPh>
    <rPh sb="17" eb="19">
      <t>キョウイク</t>
    </rPh>
    <rPh sb="19" eb="21">
      <t>ケイカク</t>
    </rPh>
    <rPh sb="22" eb="23">
      <t>サダ</t>
    </rPh>
    <rPh sb="25" eb="27">
      <t>ケイカク</t>
    </rPh>
    <rPh sb="28" eb="30">
      <t>チュウジツ</t>
    </rPh>
    <rPh sb="31" eb="34">
      <t>ジュウギョウイン</t>
    </rPh>
    <rPh sb="35" eb="36">
      <t>タイ</t>
    </rPh>
    <rPh sb="38" eb="40">
      <t>キョウイク</t>
    </rPh>
    <rPh sb="41" eb="43">
      <t>ジッシ</t>
    </rPh>
    <rPh sb="48" eb="49">
      <t>ダイ</t>
    </rPh>
    <rPh sb="50" eb="51">
      <t>シュ</t>
    </rPh>
    <rPh sb="51" eb="54">
      <t>セイゾウシャ</t>
    </rPh>
    <rPh sb="55" eb="56">
      <t>ダイ</t>
    </rPh>
    <rPh sb="57" eb="58">
      <t>シュ</t>
    </rPh>
    <rPh sb="58" eb="61">
      <t>チョゾウショ</t>
    </rPh>
    <rPh sb="62" eb="63">
      <t>ダイ</t>
    </rPh>
    <rPh sb="64" eb="65">
      <t>シュ</t>
    </rPh>
    <rPh sb="65" eb="68">
      <t>チョゾウショ</t>
    </rPh>
    <rPh sb="69" eb="72">
      <t>ショユウシャ</t>
    </rPh>
    <rPh sb="73" eb="75">
      <t>トクテイ</t>
    </rPh>
    <rPh sb="75" eb="77">
      <t>コウアツ</t>
    </rPh>
    <rPh sb="79" eb="82">
      <t>ショウヒシャ</t>
    </rPh>
    <rPh sb="84" eb="87">
      <t>ジュウギョウイン</t>
    </rPh>
    <rPh sb="88" eb="89">
      <t>タイ</t>
    </rPh>
    <rPh sb="91" eb="93">
      <t>ホアン</t>
    </rPh>
    <rPh sb="93" eb="95">
      <t>キョウイク</t>
    </rPh>
    <rPh sb="96" eb="97">
      <t>オコナ</t>
    </rPh>
    <phoneticPr fontId="2"/>
  </si>
  <si>
    <t>■冷凍保安責任者の代理者■
・第１種製造者は、冷凍保安背錦紗の代理者を選任し、冷凍保安責任者が旅行、疾病等により、職務を行うことができない場合に冷凍保安責任者の職務を行わせる。
・冷凍保安責任者代理者を選任･解任したときは、遅滞なく届け出る。</t>
    <rPh sb="1" eb="3">
      <t>レイトウ</t>
    </rPh>
    <rPh sb="3" eb="5">
      <t>ホアン</t>
    </rPh>
    <rPh sb="5" eb="8">
      <t>セキニンシャ</t>
    </rPh>
    <rPh sb="9" eb="11">
      <t>ダイリ</t>
    </rPh>
    <rPh sb="11" eb="12">
      <t>シャ</t>
    </rPh>
    <rPh sb="15" eb="16">
      <t>ダイ</t>
    </rPh>
    <rPh sb="17" eb="18">
      <t>シュ</t>
    </rPh>
    <rPh sb="18" eb="21">
      <t>セイゾウシャ</t>
    </rPh>
    <rPh sb="23" eb="25">
      <t>レイトウ</t>
    </rPh>
    <rPh sb="25" eb="27">
      <t>ホアン</t>
    </rPh>
    <rPh sb="27" eb="28">
      <t>セ</t>
    </rPh>
    <rPh sb="28" eb="30">
      <t>キンシャ</t>
    </rPh>
    <rPh sb="31" eb="33">
      <t>ダイリ</t>
    </rPh>
    <rPh sb="33" eb="34">
      <t>シャ</t>
    </rPh>
    <rPh sb="35" eb="37">
      <t>センニン</t>
    </rPh>
    <rPh sb="39" eb="41">
      <t>レイトウ</t>
    </rPh>
    <rPh sb="41" eb="43">
      <t>ホアン</t>
    </rPh>
    <rPh sb="43" eb="46">
      <t>セキニンシャ</t>
    </rPh>
    <rPh sb="47" eb="49">
      <t>リョコウ</t>
    </rPh>
    <rPh sb="50" eb="52">
      <t>シッペイ</t>
    </rPh>
    <rPh sb="52" eb="53">
      <t>トウ</t>
    </rPh>
    <rPh sb="57" eb="59">
      <t>ショクム</t>
    </rPh>
    <rPh sb="60" eb="61">
      <t>オコナ</t>
    </rPh>
    <rPh sb="69" eb="71">
      <t>バアイ</t>
    </rPh>
    <rPh sb="72" eb="74">
      <t>レイトウ</t>
    </rPh>
    <rPh sb="74" eb="76">
      <t>ホアン</t>
    </rPh>
    <rPh sb="76" eb="79">
      <t>セキニンシャ</t>
    </rPh>
    <rPh sb="80" eb="82">
      <t>ショクム</t>
    </rPh>
    <rPh sb="83" eb="84">
      <t>オコナ</t>
    </rPh>
    <rPh sb="90" eb="92">
      <t>レイトウ</t>
    </rPh>
    <rPh sb="92" eb="94">
      <t>ホアン</t>
    </rPh>
    <rPh sb="94" eb="97">
      <t>セキニンシャ</t>
    </rPh>
    <rPh sb="97" eb="99">
      <t>ダイリ</t>
    </rPh>
    <rPh sb="99" eb="100">
      <t>シャ</t>
    </rPh>
    <rPh sb="101" eb="103">
      <t>センニン</t>
    </rPh>
    <rPh sb="104" eb="106">
      <t>カイニン</t>
    </rPh>
    <rPh sb="112" eb="114">
      <t>チタイ</t>
    </rPh>
    <rPh sb="116" eb="117">
      <t>トド</t>
    </rPh>
    <rPh sb="118" eb="119">
      <t>デ</t>
    </rPh>
    <phoneticPr fontId="2"/>
  </si>
  <si>
    <t>■消費■
・特殊高圧ガス（☆）又は相当程度貯蔵して消費
　する際に、特に注意を要するガス（★）を消費
　しようとする場合は、20日前までに知事に届け出
　る。
　☆　圧縮モノシラン、圧縮ジボラン等
　★　圧縮水素、液化酸素、液化アンモニア等</t>
    <rPh sb="1" eb="3">
      <t>ショウヒ</t>
    </rPh>
    <rPh sb="6" eb="8">
      <t>トクシュ</t>
    </rPh>
    <rPh sb="8" eb="10">
      <t>コウアツ</t>
    </rPh>
    <rPh sb="15" eb="16">
      <t>マタ</t>
    </rPh>
    <rPh sb="17" eb="19">
      <t>ソウトウ</t>
    </rPh>
    <rPh sb="19" eb="21">
      <t>テイド</t>
    </rPh>
    <rPh sb="21" eb="23">
      <t>チョゾウ</t>
    </rPh>
    <rPh sb="25" eb="27">
      <t>ショウヒ</t>
    </rPh>
    <rPh sb="31" eb="32">
      <t>サイ</t>
    </rPh>
    <rPh sb="34" eb="35">
      <t>トク</t>
    </rPh>
    <rPh sb="36" eb="38">
      <t>チュウイ</t>
    </rPh>
    <rPh sb="39" eb="40">
      <t>ヨウ</t>
    </rPh>
    <rPh sb="48" eb="50">
      <t>ショウヒ</t>
    </rPh>
    <rPh sb="58" eb="60">
      <t>バアイ</t>
    </rPh>
    <rPh sb="64" eb="65">
      <t>ヒ</t>
    </rPh>
    <rPh sb="65" eb="66">
      <t>マエ</t>
    </rPh>
    <rPh sb="69" eb="71">
      <t>チジ</t>
    </rPh>
    <rPh sb="83" eb="85">
      <t>アッシュク</t>
    </rPh>
    <rPh sb="91" eb="93">
      <t>アッシュク</t>
    </rPh>
    <rPh sb="97" eb="98">
      <t>トウ</t>
    </rPh>
    <rPh sb="102" eb="104">
      <t>アッシュク</t>
    </rPh>
    <rPh sb="104" eb="106">
      <t>スイソ</t>
    </rPh>
    <rPh sb="107" eb="109">
      <t>エキカ</t>
    </rPh>
    <rPh sb="109" eb="111">
      <t>サンソ</t>
    </rPh>
    <rPh sb="112" eb="114">
      <t>エキカ</t>
    </rPh>
    <rPh sb="119" eb="120">
      <t>トウ</t>
    </rPh>
    <phoneticPr fontId="2"/>
  </si>
  <si>
    <t>■技術上の基準■
・特定高圧ガスの消費は、技術上の基準（★）に従って施設を維持し消費する
★技術上の基準：一般高圧ガス保安規則55条に記載</t>
    <rPh sb="1" eb="3">
      <t>ギジュツ</t>
    </rPh>
    <rPh sb="3" eb="4">
      <t>ジョウ</t>
    </rPh>
    <rPh sb="5" eb="7">
      <t>キジュン</t>
    </rPh>
    <rPh sb="10" eb="12">
      <t>トクテイ</t>
    </rPh>
    <rPh sb="12" eb="14">
      <t>コウアツ</t>
    </rPh>
    <rPh sb="17" eb="19">
      <t>ショウヒ</t>
    </rPh>
    <rPh sb="21" eb="23">
      <t>ギジュツ</t>
    </rPh>
    <rPh sb="23" eb="24">
      <t>ジョウ</t>
    </rPh>
    <rPh sb="25" eb="27">
      <t>キジュン</t>
    </rPh>
    <rPh sb="31" eb="32">
      <t>シタガ</t>
    </rPh>
    <rPh sb="34" eb="36">
      <t>シセツ</t>
    </rPh>
    <rPh sb="37" eb="39">
      <t>イジ</t>
    </rPh>
    <rPh sb="40" eb="42">
      <t>ショウヒ</t>
    </rPh>
    <phoneticPr fontId="2"/>
  </si>
  <si>
    <t>■浄化槽の設置／変更届の提出■
・新たな浄化槽の設置又は構造等の変更を行う場
  合は、工事開始21日前まで（国土交通大臣認定型の浄化槽の場合は10日前まで）に、知事に届出を行う
※設置時又は変更時のみの規定です</t>
    <rPh sb="1" eb="4">
      <t>ジョウカソウ</t>
    </rPh>
    <rPh sb="5" eb="7">
      <t>セッチ</t>
    </rPh>
    <rPh sb="8" eb="10">
      <t>ヘンコウ</t>
    </rPh>
    <rPh sb="10" eb="11">
      <t>トド</t>
    </rPh>
    <rPh sb="12" eb="14">
      <t>テイシュツ</t>
    </rPh>
    <rPh sb="17" eb="18">
      <t>アラ</t>
    </rPh>
    <rPh sb="20" eb="23">
      <t>ジョウカソウ</t>
    </rPh>
    <rPh sb="24" eb="26">
      <t>セッチ</t>
    </rPh>
    <rPh sb="26" eb="27">
      <t>マタ</t>
    </rPh>
    <rPh sb="28" eb="30">
      <t>コウゾウ</t>
    </rPh>
    <rPh sb="30" eb="31">
      <t>トウ</t>
    </rPh>
    <rPh sb="32" eb="34">
      <t>ヘンコウ</t>
    </rPh>
    <rPh sb="35" eb="36">
      <t>オコナ</t>
    </rPh>
    <rPh sb="37" eb="38">
      <t>バ</t>
    </rPh>
    <rPh sb="41" eb="42">
      <t>ゴウ</t>
    </rPh>
    <rPh sb="44" eb="46">
      <t>コウジ</t>
    </rPh>
    <rPh sb="46" eb="48">
      <t>カイシ</t>
    </rPh>
    <rPh sb="50" eb="51">
      <t>ヒ</t>
    </rPh>
    <rPh sb="51" eb="52">
      <t>マエ</t>
    </rPh>
    <rPh sb="81" eb="83">
      <t>チジ</t>
    </rPh>
    <rPh sb="84" eb="86">
      <t>トドケデ</t>
    </rPh>
    <rPh sb="87" eb="88">
      <t>オコナ</t>
    </rPh>
    <rPh sb="91" eb="93">
      <t>セッチ</t>
    </rPh>
    <rPh sb="93" eb="94">
      <t>ジ</t>
    </rPh>
    <rPh sb="94" eb="95">
      <t>マタ</t>
    </rPh>
    <rPh sb="96" eb="98">
      <t>ヘンコウ</t>
    </rPh>
    <rPh sb="98" eb="99">
      <t>ジ</t>
    </rPh>
    <rPh sb="102" eb="104">
      <t>キテイ</t>
    </rPh>
    <phoneticPr fontId="2"/>
  </si>
  <si>
    <r>
      <t xml:space="preserve">Ｈ７
</t>
    </r>
    <r>
      <rPr>
        <sz val="8"/>
        <rFont val="ＭＳ 明朝"/>
        <family val="1"/>
        <charset val="128"/>
      </rPr>
      <t>Ｋ４</t>
    </r>
    <phoneticPr fontId="2"/>
  </si>
  <si>
    <t>■水質検査の実施■
・新たに浄化槽の使用を開始してから３ヶ月経過
　後、５ヶ月以内に指定検査機関による水質検査
　を受けなければならない
※設置時（使用開始時）のみの規定です</t>
    <rPh sb="1" eb="3">
      <t>スイシツ</t>
    </rPh>
    <rPh sb="3" eb="5">
      <t>ケンサ</t>
    </rPh>
    <rPh sb="6" eb="8">
      <t>ジッシ</t>
    </rPh>
    <rPh sb="11" eb="12">
      <t>アラタ</t>
    </rPh>
    <rPh sb="14" eb="16">
      <t>ジョウカ</t>
    </rPh>
    <rPh sb="16" eb="17">
      <t>ソウ</t>
    </rPh>
    <rPh sb="18" eb="20">
      <t>シヨウ</t>
    </rPh>
    <rPh sb="21" eb="23">
      <t>カイシ</t>
    </rPh>
    <rPh sb="29" eb="30">
      <t>ゲツ</t>
    </rPh>
    <rPh sb="30" eb="32">
      <t>ケイカ</t>
    </rPh>
    <rPh sb="34" eb="35">
      <t>ゴ</t>
    </rPh>
    <rPh sb="38" eb="39">
      <t>ゲツ</t>
    </rPh>
    <rPh sb="39" eb="41">
      <t>イナイ</t>
    </rPh>
    <rPh sb="42" eb="43">
      <t>ユビ</t>
    </rPh>
    <rPh sb="43" eb="44">
      <t>サダム</t>
    </rPh>
    <rPh sb="44" eb="46">
      <t>ケンサ</t>
    </rPh>
    <rPh sb="46" eb="48">
      <t>キカン</t>
    </rPh>
    <rPh sb="51" eb="53">
      <t>スイシツ</t>
    </rPh>
    <rPh sb="58" eb="59">
      <t>ウ</t>
    </rPh>
    <rPh sb="70" eb="72">
      <t>セッチ</t>
    </rPh>
    <rPh sb="72" eb="73">
      <t>ジ</t>
    </rPh>
    <rPh sb="74" eb="76">
      <t>シヨウ</t>
    </rPh>
    <rPh sb="76" eb="78">
      <t>カイシ</t>
    </rPh>
    <rPh sb="78" eb="79">
      <t>ジ</t>
    </rPh>
    <rPh sb="83" eb="85">
      <t>キテイ</t>
    </rPh>
    <phoneticPr fontId="2"/>
  </si>
  <si>
    <r>
      <t xml:space="preserve">Ｈ８
</t>
    </r>
    <r>
      <rPr>
        <sz val="8"/>
        <rFont val="ＭＳ 明朝"/>
        <family val="1"/>
        <charset val="128"/>
      </rPr>
      <t>Ｋ６</t>
    </r>
    <phoneticPr fontId="2"/>
  </si>
  <si>
    <t>■浄化槽の保守点検■
・毎年環境省令で定められた回数（一般家庭の浄化槽の場合、年３～４回）、登録事業者による保守点検を行う</t>
    <rPh sb="1" eb="4">
      <t>ジョウカソウ</t>
    </rPh>
    <rPh sb="5" eb="7">
      <t>ホシュ</t>
    </rPh>
    <rPh sb="7" eb="9">
      <t>テンケン</t>
    </rPh>
    <rPh sb="12" eb="14">
      <t>マイネン</t>
    </rPh>
    <rPh sb="46" eb="48">
      <t>トウロク</t>
    </rPh>
    <rPh sb="48" eb="51">
      <t>ジギョウシャ</t>
    </rPh>
    <rPh sb="54" eb="56">
      <t>ホシュ</t>
    </rPh>
    <rPh sb="56" eb="58">
      <t>テンケン</t>
    </rPh>
    <rPh sb="59" eb="60">
      <t>オコナ</t>
    </rPh>
    <phoneticPr fontId="2"/>
  </si>
  <si>
    <r>
      <t xml:space="preserve">Ｈ９
</t>
    </r>
    <r>
      <rPr>
        <sz val="8"/>
        <rFont val="ＭＳ 明朝"/>
        <family val="1"/>
        <charset val="128"/>
      </rPr>
      <t>Ｋ７</t>
    </r>
    <phoneticPr fontId="2"/>
  </si>
  <si>
    <t>■浄化槽の清掃■
・毎年１回以上、許可事業者による清掃を行う</t>
    <rPh sb="1" eb="4">
      <t>ジョウカソウ</t>
    </rPh>
    <rPh sb="5" eb="7">
      <t>セイソウ</t>
    </rPh>
    <rPh sb="10" eb="12">
      <t>マイネン</t>
    </rPh>
    <rPh sb="13" eb="14">
      <t>カイ</t>
    </rPh>
    <rPh sb="14" eb="16">
      <t>イジョウ</t>
    </rPh>
    <rPh sb="17" eb="19">
      <t>キョカ</t>
    </rPh>
    <rPh sb="19" eb="22">
      <t>ジギョウシャ</t>
    </rPh>
    <rPh sb="25" eb="27">
      <t>セイソウ</t>
    </rPh>
    <rPh sb="28" eb="29">
      <t>オコナ</t>
    </rPh>
    <phoneticPr fontId="2"/>
  </si>
  <si>
    <t>Ｈ11の２
Ｋ３</t>
    <phoneticPr fontId="2"/>
  </si>
  <si>
    <t>Ｈ63</t>
    <phoneticPr fontId="2"/>
  </si>
  <si>
    <t>■事故届■
・所有または占有する高圧ガスについて災害が発生したとき、高圧ガス又は容器を喪失し、又は盗まれたときは、遅滞なく都道府県知事又は警察官に届け出る。</t>
    <rPh sb="1" eb="3">
      <t>ジコ</t>
    </rPh>
    <rPh sb="3" eb="4">
      <t>トドケ</t>
    </rPh>
    <rPh sb="57" eb="59">
      <t>チタイ</t>
    </rPh>
    <phoneticPr fontId="2"/>
  </si>
  <si>
    <t>□該当事象はあったか
□遅滞なく届出を行ったか（記録を確認）</t>
    <rPh sb="1" eb="3">
      <t>ガイトウ</t>
    </rPh>
    <rPh sb="3" eb="5">
      <t>ジショウ</t>
    </rPh>
    <rPh sb="12" eb="14">
      <t>チタイ</t>
    </rPh>
    <rPh sb="16" eb="18">
      <t>トドケデ</t>
    </rPh>
    <rPh sb="19" eb="20">
      <t>オコナ</t>
    </rPh>
    <rPh sb="24" eb="26">
      <t>キロク</t>
    </rPh>
    <rPh sb="27" eb="29">
      <t>カクニン</t>
    </rPh>
    <phoneticPr fontId="2"/>
  </si>
  <si>
    <t>■定期自主検査■
・第１種製造者、認定指定設備を使う第２種製造者、特定高圧ガス消費者は、製造のための設備又は消費のための設備の点検を1年に1回以上行い、記録を保存する。</t>
    <rPh sb="1" eb="3">
      <t>テイキ</t>
    </rPh>
    <rPh sb="3" eb="5">
      <t>ジシュ</t>
    </rPh>
    <rPh sb="5" eb="7">
      <t>ケンサ</t>
    </rPh>
    <rPh sb="10" eb="11">
      <t>ダイ</t>
    </rPh>
    <rPh sb="12" eb="13">
      <t>シュ</t>
    </rPh>
    <rPh sb="13" eb="16">
      <t>セイゾウシャ</t>
    </rPh>
    <rPh sb="17" eb="19">
      <t>ニンテイ</t>
    </rPh>
    <rPh sb="19" eb="21">
      <t>シテイ</t>
    </rPh>
    <rPh sb="21" eb="23">
      <t>セツビ</t>
    </rPh>
    <rPh sb="24" eb="25">
      <t>ツカ</t>
    </rPh>
    <rPh sb="26" eb="27">
      <t>ダイ</t>
    </rPh>
    <rPh sb="28" eb="29">
      <t>シュ</t>
    </rPh>
    <rPh sb="29" eb="32">
      <t>セイゾウシャ</t>
    </rPh>
    <rPh sb="33" eb="35">
      <t>トクテイ</t>
    </rPh>
    <rPh sb="35" eb="37">
      <t>コウアツ</t>
    </rPh>
    <rPh sb="39" eb="42">
      <t>ショウヒシャ</t>
    </rPh>
    <rPh sb="44" eb="46">
      <t>セイゾウ</t>
    </rPh>
    <rPh sb="50" eb="52">
      <t>セツビ</t>
    </rPh>
    <rPh sb="52" eb="53">
      <t>マタ</t>
    </rPh>
    <rPh sb="54" eb="56">
      <t>ショウヒ</t>
    </rPh>
    <rPh sb="60" eb="62">
      <t>セツビ</t>
    </rPh>
    <rPh sb="63" eb="65">
      <t>テンケン</t>
    </rPh>
    <rPh sb="67" eb="68">
      <t>ネン</t>
    </rPh>
    <rPh sb="70" eb="71">
      <t>カイ</t>
    </rPh>
    <rPh sb="71" eb="73">
      <t>イジョウ</t>
    </rPh>
    <rPh sb="73" eb="74">
      <t>オコナ</t>
    </rPh>
    <rPh sb="76" eb="78">
      <t>キロク</t>
    </rPh>
    <rPh sb="79" eb="81">
      <t>ホゾン</t>
    </rPh>
    <phoneticPr fontId="2"/>
  </si>
  <si>
    <t>特定有害物質を使用、貯蔵等する事業所</t>
    <rPh sb="0" eb="2">
      <t>トクテイ</t>
    </rPh>
    <rPh sb="2" eb="4">
      <t>ユウガイ</t>
    </rPh>
    <rPh sb="4" eb="6">
      <t>ブッシツ</t>
    </rPh>
    <rPh sb="7" eb="9">
      <t>シヨウ</t>
    </rPh>
    <rPh sb="10" eb="12">
      <t>チョゾウ</t>
    </rPh>
    <rPh sb="12" eb="13">
      <t>トウ</t>
    </rPh>
    <rPh sb="15" eb="18">
      <t>ジギョウショ</t>
    </rPh>
    <phoneticPr fontId="2"/>
  </si>
  <si>
    <t>土壌汚染対策法
・生活環境保全等に関する条例</t>
    <rPh sb="0" eb="2">
      <t>ドジョウ</t>
    </rPh>
    <rPh sb="2" eb="4">
      <t>オセン</t>
    </rPh>
    <rPh sb="4" eb="6">
      <t>タイサク</t>
    </rPh>
    <rPh sb="6" eb="7">
      <t>ホウ</t>
    </rPh>
    <rPh sb="9" eb="11">
      <t>セイカツ</t>
    </rPh>
    <rPh sb="11" eb="13">
      <t>カンキョウ</t>
    </rPh>
    <rPh sb="13" eb="15">
      <t>ホゼン</t>
    </rPh>
    <rPh sb="15" eb="16">
      <t>トウ</t>
    </rPh>
    <rPh sb="17" eb="18">
      <t>カン</t>
    </rPh>
    <rPh sb="20" eb="22">
      <t>ジョウレイ</t>
    </rPh>
    <phoneticPr fontId="2"/>
  </si>
  <si>
    <t>Ｈ２
Ｊ２</t>
    <phoneticPr fontId="2"/>
  </si>
  <si>
    <t>■特定有害物質■
・第１種12項目（ｸﾛﾛｴﾁﾚﾝ、四塩化炭素、1,2-ｼﾞｸﾛﾛｴﾀﾝ、1,1-ｼﾞｸﾛﾛｴﾁﾚﾝ、1,2-ｼﾞｸﾛﾛｴﾁﾚﾝ、1,3-ｼﾞｸﾛﾛﾌﾟﾛﾍﾟﾝ、ｼﾞｸﾛﾛﾒﾀﾝ、ﾃﾄﾗｸﾛﾛｴﾁﾚﾝ、1,1,1-ﾄﾘｸﾛﾛｴﾀﾝ、1,1,2-ﾄﾘｸﾛﾛｴﾀﾝ、ﾄﾘｸﾛﾛｴﾁﾚﾝ、ﾍﾞﾝｾﾞﾝの12物質）
・第２種９項目（ｶﾄﾞﾐｳﾑ及びその化合物、六価ｸﾛﾑ化合物、ｼｱﾝ化合物、水銀及びその化合物、ｾﾚﾝ及びその化合物、鉛及びその化合物、砒素及びその化合物、ふっ素及びその化合物、ほう素及びその化合物）
・第３種５項目（ｼﾏｼﾞﾝ、ﾁｵﾍﾞﾝｶﾙﾌﾞ、ﾁｳﾗﾑ、ﾎﾟﾘ塩化ﾋﾞﾌｪﾆﾙ（PCB）、有機りん化合物）</t>
    <rPh sb="1" eb="3">
      <t>トクテイ</t>
    </rPh>
    <rPh sb="3" eb="5">
      <t>ユウガイ</t>
    </rPh>
    <rPh sb="5" eb="7">
      <t>ブッシツ</t>
    </rPh>
    <rPh sb="10" eb="11">
      <t>ダイ</t>
    </rPh>
    <rPh sb="12" eb="13">
      <t>シュ</t>
    </rPh>
    <rPh sb="15" eb="17">
      <t>コウモク</t>
    </rPh>
    <rPh sb="163" eb="164">
      <t>ダイ</t>
    </rPh>
    <rPh sb="165" eb="166">
      <t>シュ</t>
    </rPh>
    <rPh sb="264" eb="265">
      <t>ダイ</t>
    </rPh>
    <rPh sb="266" eb="267">
      <t>シュ</t>
    </rPh>
    <rPh sb="268" eb="270">
      <t>コウモク</t>
    </rPh>
    <phoneticPr fontId="2"/>
  </si>
  <si>
    <t>□使用、貯蔵等の有無を確認（過去の履歴も含む）</t>
    <rPh sb="1" eb="3">
      <t>シヨウ</t>
    </rPh>
    <rPh sb="4" eb="6">
      <t>チョゾウ</t>
    </rPh>
    <rPh sb="6" eb="7">
      <t>トウ</t>
    </rPh>
    <rPh sb="8" eb="10">
      <t>ウム</t>
    </rPh>
    <rPh sb="11" eb="13">
      <t>カクニン</t>
    </rPh>
    <rPh sb="14" eb="16">
      <t>カコ</t>
    </rPh>
    <rPh sb="17" eb="19">
      <t>リレキ</t>
    </rPh>
    <rPh sb="20" eb="21">
      <t>フク</t>
    </rPh>
    <phoneticPr fontId="2"/>
  </si>
  <si>
    <t>Ｊ59</t>
    <phoneticPr fontId="2"/>
  </si>
  <si>
    <t>■記録の管理■
・特定有害物質の使用状況等を毎年１回調査し、記録を保管する。
・土地を譲渡等したときは記録の写しを交付する。
・土壌汚染が無いと確認されるまで記録を保管する。</t>
    <rPh sb="1" eb="3">
      <t>キロク</t>
    </rPh>
    <rPh sb="4" eb="6">
      <t>カンリ</t>
    </rPh>
    <rPh sb="9" eb="11">
      <t>トクテイ</t>
    </rPh>
    <rPh sb="11" eb="13">
      <t>ユウガイ</t>
    </rPh>
    <rPh sb="13" eb="15">
      <t>ブッシツ</t>
    </rPh>
    <rPh sb="16" eb="18">
      <t>シヨウ</t>
    </rPh>
    <rPh sb="18" eb="20">
      <t>ジョウキョウ</t>
    </rPh>
    <rPh sb="20" eb="21">
      <t>トウ</t>
    </rPh>
    <rPh sb="22" eb="24">
      <t>マイトシ</t>
    </rPh>
    <rPh sb="25" eb="26">
      <t>カイ</t>
    </rPh>
    <rPh sb="26" eb="28">
      <t>チョウサ</t>
    </rPh>
    <rPh sb="30" eb="32">
      <t>キロク</t>
    </rPh>
    <rPh sb="33" eb="35">
      <t>ホカン</t>
    </rPh>
    <rPh sb="40" eb="42">
      <t>トチ</t>
    </rPh>
    <rPh sb="43" eb="45">
      <t>ジョウト</t>
    </rPh>
    <rPh sb="45" eb="46">
      <t>トウ</t>
    </rPh>
    <rPh sb="51" eb="53">
      <t>キロク</t>
    </rPh>
    <rPh sb="54" eb="55">
      <t>ウツ</t>
    </rPh>
    <rPh sb="57" eb="59">
      <t>コウフ</t>
    </rPh>
    <rPh sb="64" eb="66">
      <t>ドジョウ</t>
    </rPh>
    <rPh sb="66" eb="68">
      <t>オセン</t>
    </rPh>
    <rPh sb="69" eb="70">
      <t>ナ</t>
    </rPh>
    <rPh sb="72" eb="74">
      <t>カクニン</t>
    </rPh>
    <rPh sb="79" eb="81">
      <t>キロク</t>
    </rPh>
    <rPh sb="82" eb="84">
      <t>ホカン</t>
    </rPh>
    <phoneticPr fontId="2"/>
  </si>
  <si>
    <t>□使用状況等を調査
□保管状況を確認</t>
    <rPh sb="1" eb="3">
      <t>シヨウ</t>
    </rPh>
    <rPh sb="3" eb="5">
      <t>ジョウキョウ</t>
    </rPh>
    <rPh sb="5" eb="6">
      <t>トウ</t>
    </rPh>
    <rPh sb="7" eb="9">
      <t>チョウサ</t>
    </rPh>
    <rPh sb="11" eb="13">
      <t>ホカン</t>
    </rPh>
    <rPh sb="13" eb="15">
      <t>ジョウキョウ</t>
    </rPh>
    <rPh sb="16" eb="18">
      <t>カクニン</t>
    </rPh>
    <phoneticPr fontId="2"/>
  </si>
  <si>
    <t>土壌汚染対策法</t>
    <rPh sb="0" eb="2">
      <t>ドジョウ</t>
    </rPh>
    <rPh sb="2" eb="4">
      <t>オセン</t>
    </rPh>
    <rPh sb="4" eb="6">
      <t>タイサク</t>
    </rPh>
    <rPh sb="6" eb="7">
      <t>ホウ</t>
    </rPh>
    <phoneticPr fontId="2"/>
  </si>
  <si>
    <t>Ｈ３</t>
    <phoneticPr fontId="2"/>
  </si>
  <si>
    <t>■特定施設廃止時の土壌調査■
・特定有害物質を使用する特定施設（水質汚濁防止法の対象）の使用を廃止したときは、土壌の汚染状態を調査し知事に報告する。</t>
    <rPh sb="1" eb="3">
      <t>トクテイ</t>
    </rPh>
    <rPh sb="3" eb="5">
      <t>シセツ</t>
    </rPh>
    <rPh sb="5" eb="7">
      <t>ハイシ</t>
    </rPh>
    <rPh sb="7" eb="8">
      <t>ジ</t>
    </rPh>
    <rPh sb="9" eb="11">
      <t>ドジョウ</t>
    </rPh>
    <rPh sb="11" eb="13">
      <t>チョウサ</t>
    </rPh>
    <rPh sb="16" eb="18">
      <t>トクテイ</t>
    </rPh>
    <rPh sb="18" eb="20">
      <t>ユウガイ</t>
    </rPh>
    <rPh sb="20" eb="22">
      <t>ブッシツ</t>
    </rPh>
    <rPh sb="23" eb="25">
      <t>シヨウ</t>
    </rPh>
    <rPh sb="27" eb="29">
      <t>トクテイ</t>
    </rPh>
    <rPh sb="29" eb="31">
      <t>シセツ</t>
    </rPh>
    <rPh sb="32" eb="34">
      <t>スイシツ</t>
    </rPh>
    <rPh sb="34" eb="36">
      <t>オダク</t>
    </rPh>
    <rPh sb="36" eb="39">
      <t>ボウシホウ</t>
    </rPh>
    <rPh sb="40" eb="42">
      <t>タイショウ</t>
    </rPh>
    <rPh sb="44" eb="46">
      <t>シヨウ</t>
    </rPh>
    <rPh sb="47" eb="49">
      <t>ハイシ</t>
    </rPh>
    <rPh sb="55" eb="57">
      <t>ドジョウ</t>
    </rPh>
    <rPh sb="58" eb="60">
      <t>オセン</t>
    </rPh>
    <rPh sb="60" eb="62">
      <t>ジョウタイ</t>
    </rPh>
    <rPh sb="63" eb="65">
      <t>チョウサ</t>
    </rPh>
    <rPh sb="66" eb="68">
      <t>チジ</t>
    </rPh>
    <rPh sb="69" eb="71">
      <t>ホウコク</t>
    </rPh>
    <phoneticPr fontId="2"/>
  </si>
  <si>
    <t>□土壌調査の実施
□報告書の提出</t>
    <rPh sb="1" eb="3">
      <t>ドジョウ</t>
    </rPh>
    <rPh sb="3" eb="5">
      <t>チョウサ</t>
    </rPh>
    <rPh sb="6" eb="8">
      <t>ジッシ</t>
    </rPh>
    <rPh sb="10" eb="13">
      <t>ホウコクショ</t>
    </rPh>
    <rPh sb="14" eb="16">
      <t>テイシュツ</t>
    </rPh>
    <phoneticPr fontId="2"/>
  </si>
  <si>
    <t>Ｈ４</t>
  </si>
  <si>
    <t>■形質変更の届出■
・一定規模以上（※）の土地の形質の変更（掘削を伴う工事）を行うときは、30日前に知事に届け出る。（軽易な変更は除く）
・土壌の調査命令を受けたときは、指定調査機関に調査させ報告する。
※有害物質使用特定施設を設置している事業場の敷地は900㎡、それ以外は3,000㎡。</t>
    <rPh sb="1" eb="3">
      <t>ケイシツ</t>
    </rPh>
    <rPh sb="3" eb="5">
      <t>ヘンコウ</t>
    </rPh>
    <rPh sb="6" eb="8">
      <t>トドケデ</t>
    </rPh>
    <rPh sb="11" eb="13">
      <t>イッテイ</t>
    </rPh>
    <rPh sb="13" eb="15">
      <t>キボ</t>
    </rPh>
    <rPh sb="15" eb="17">
      <t>イジョウ</t>
    </rPh>
    <rPh sb="21" eb="23">
      <t>トチ</t>
    </rPh>
    <rPh sb="24" eb="26">
      <t>ケイシツ</t>
    </rPh>
    <rPh sb="27" eb="29">
      <t>ヘンコウ</t>
    </rPh>
    <rPh sb="30" eb="32">
      <t>クッサク</t>
    </rPh>
    <rPh sb="33" eb="34">
      <t>トモナ</t>
    </rPh>
    <rPh sb="35" eb="37">
      <t>コウジ</t>
    </rPh>
    <rPh sb="39" eb="40">
      <t>オコナ</t>
    </rPh>
    <rPh sb="47" eb="49">
      <t>ニチマエ</t>
    </rPh>
    <rPh sb="50" eb="52">
      <t>チジ</t>
    </rPh>
    <rPh sb="59" eb="61">
      <t>ケイイ</t>
    </rPh>
    <rPh sb="62" eb="64">
      <t>ヘンコウ</t>
    </rPh>
    <rPh sb="65" eb="66">
      <t>ノゾ</t>
    </rPh>
    <rPh sb="70" eb="72">
      <t>ドジョウ</t>
    </rPh>
    <rPh sb="73" eb="75">
      <t>チョウサ</t>
    </rPh>
    <rPh sb="75" eb="77">
      <t>メイレイ</t>
    </rPh>
    <rPh sb="78" eb="79">
      <t>ウ</t>
    </rPh>
    <rPh sb="85" eb="87">
      <t>シテイ</t>
    </rPh>
    <rPh sb="87" eb="89">
      <t>チョウサ</t>
    </rPh>
    <rPh sb="89" eb="91">
      <t>キカン</t>
    </rPh>
    <rPh sb="92" eb="94">
      <t>チョウサ</t>
    </rPh>
    <rPh sb="96" eb="98">
      <t>ホウコク</t>
    </rPh>
    <rPh sb="103" eb="105">
      <t>ユウガイ</t>
    </rPh>
    <rPh sb="105" eb="107">
      <t>ブッシツ</t>
    </rPh>
    <rPh sb="107" eb="109">
      <t>シヨウ</t>
    </rPh>
    <rPh sb="109" eb="111">
      <t>トクテイ</t>
    </rPh>
    <rPh sb="111" eb="113">
      <t>シセツ</t>
    </rPh>
    <rPh sb="114" eb="116">
      <t>セッチ</t>
    </rPh>
    <rPh sb="120" eb="123">
      <t>ジギョウジョウ</t>
    </rPh>
    <rPh sb="124" eb="126">
      <t>シキチ</t>
    </rPh>
    <rPh sb="134" eb="136">
      <t>イガイ</t>
    </rPh>
    <phoneticPr fontId="2"/>
  </si>
  <si>
    <t>□届出が必要な規模か。
□軽易な変更に該当するか。
□土壌の汚染状態の基準に適合しているか。</t>
    <rPh sb="1" eb="3">
      <t>トドケデ</t>
    </rPh>
    <rPh sb="4" eb="6">
      <t>ヒツヨウ</t>
    </rPh>
    <rPh sb="7" eb="9">
      <t>キボ</t>
    </rPh>
    <rPh sb="13" eb="15">
      <t>ケイイ</t>
    </rPh>
    <rPh sb="16" eb="18">
      <t>ヘンコウ</t>
    </rPh>
    <rPh sb="19" eb="21">
      <t>ガイトウ</t>
    </rPh>
    <rPh sb="27" eb="29">
      <t>ドジョウ</t>
    </rPh>
    <rPh sb="30" eb="32">
      <t>オセン</t>
    </rPh>
    <rPh sb="32" eb="34">
      <t>ジョウタイ</t>
    </rPh>
    <phoneticPr fontId="2"/>
  </si>
  <si>
    <t>Ｊ60</t>
    <phoneticPr fontId="2"/>
  </si>
  <si>
    <t>□軽易な変更に該当するか。
□土壌の汚染状態の基準に適合しているか。</t>
    <rPh sb="1" eb="3">
      <t>ケイイ</t>
    </rPh>
    <rPh sb="4" eb="6">
      <t>ヘンコウ</t>
    </rPh>
    <rPh sb="7" eb="9">
      <t>ガイトウ</t>
    </rPh>
    <rPh sb="15" eb="17">
      <t>ドジョウ</t>
    </rPh>
    <rPh sb="18" eb="20">
      <t>オセン</t>
    </rPh>
    <rPh sb="20" eb="22">
      <t>ジョウタイ</t>
    </rPh>
    <rPh sb="23" eb="25">
      <t>キジュン</t>
    </rPh>
    <rPh sb="26" eb="28">
      <t>テキゴウ</t>
    </rPh>
    <phoneticPr fontId="2"/>
  </si>
  <si>
    <t>Ｊ62の２</t>
    <phoneticPr fontId="2"/>
  </si>
  <si>
    <t>■地下水への影響調査■
・土壌の汚染状態が土壌溶出量基準値を超過したときは、地下水汚染の有無を調査する。</t>
    <rPh sb="1" eb="4">
      <t>チカスイ</t>
    </rPh>
    <rPh sb="6" eb="8">
      <t>エイキョウ</t>
    </rPh>
    <rPh sb="8" eb="10">
      <t>チョウサ</t>
    </rPh>
    <rPh sb="13" eb="15">
      <t>ドジョウ</t>
    </rPh>
    <rPh sb="16" eb="18">
      <t>オセン</t>
    </rPh>
    <rPh sb="18" eb="20">
      <t>ジョウタイ</t>
    </rPh>
    <rPh sb="21" eb="23">
      <t>ドジョウ</t>
    </rPh>
    <rPh sb="23" eb="25">
      <t>ヨウシュツ</t>
    </rPh>
    <rPh sb="25" eb="26">
      <t>リョウ</t>
    </rPh>
    <rPh sb="26" eb="28">
      <t>キジュン</t>
    </rPh>
    <rPh sb="28" eb="29">
      <t>チ</t>
    </rPh>
    <rPh sb="30" eb="32">
      <t>チョウカ</t>
    </rPh>
    <rPh sb="38" eb="41">
      <t>チカスイ</t>
    </rPh>
    <rPh sb="41" eb="43">
      <t>オセン</t>
    </rPh>
    <rPh sb="44" eb="46">
      <t>ウム</t>
    </rPh>
    <rPh sb="47" eb="49">
      <t>チョウサ</t>
    </rPh>
    <phoneticPr fontId="2"/>
  </si>
  <si>
    <t>□地下水の基準に適合しているか。</t>
    <rPh sb="1" eb="4">
      <t>チカスイ</t>
    </rPh>
    <rPh sb="5" eb="7">
      <t>キジュン</t>
    </rPh>
    <rPh sb="8" eb="10">
      <t>テキゴウ</t>
    </rPh>
    <phoneticPr fontId="2"/>
  </si>
  <si>
    <t>Ｊ60、Ｊ60の２</t>
    <phoneticPr fontId="2"/>
  </si>
  <si>
    <t xml:space="preserve">■公害防止等の計画■
・土壌汚染が確認された土地で形質の変更を行うときは、公害防止計画及び周辺住民等への周知計画を知事に提出し、誠実に実施する。
</t>
    <rPh sb="1" eb="3">
      <t>コウガイ</t>
    </rPh>
    <rPh sb="3" eb="5">
      <t>ボウシ</t>
    </rPh>
    <rPh sb="5" eb="6">
      <t>トウ</t>
    </rPh>
    <rPh sb="7" eb="9">
      <t>ケイカク</t>
    </rPh>
    <rPh sb="12" eb="14">
      <t>ドジョウ</t>
    </rPh>
    <rPh sb="14" eb="16">
      <t>オセン</t>
    </rPh>
    <rPh sb="17" eb="19">
      <t>カクニン</t>
    </rPh>
    <rPh sb="22" eb="24">
      <t>トチ</t>
    </rPh>
    <rPh sb="25" eb="27">
      <t>ケイシツ</t>
    </rPh>
    <rPh sb="28" eb="30">
      <t>ヘンコウ</t>
    </rPh>
    <rPh sb="31" eb="32">
      <t>オコナ</t>
    </rPh>
    <rPh sb="37" eb="39">
      <t>コウガイ</t>
    </rPh>
    <rPh sb="39" eb="41">
      <t>ボウシ</t>
    </rPh>
    <rPh sb="41" eb="43">
      <t>ケイカク</t>
    </rPh>
    <rPh sb="43" eb="44">
      <t>オヨ</t>
    </rPh>
    <rPh sb="45" eb="47">
      <t>シュウヘン</t>
    </rPh>
    <rPh sb="47" eb="49">
      <t>ジュウミン</t>
    </rPh>
    <rPh sb="49" eb="50">
      <t>トウ</t>
    </rPh>
    <rPh sb="52" eb="54">
      <t>シュウチ</t>
    </rPh>
    <rPh sb="54" eb="56">
      <t>ケイカク</t>
    </rPh>
    <rPh sb="57" eb="59">
      <t>チジ</t>
    </rPh>
    <rPh sb="60" eb="62">
      <t>テイシュツ</t>
    </rPh>
    <rPh sb="64" eb="66">
      <t>セイジツ</t>
    </rPh>
    <rPh sb="67" eb="69">
      <t>ジッシ</t>
    </rPh>
    <phoneticPr fontId="2"/>
  </si>
  <si>
    <t>□計画は条例の指針に適合したものか。
□計画を提出したか。
□計画を誠実に実施したか。</t>
    <rPh sb="1" eb="3">
      <t>ケイカク</t>
    </rPh>
    <rPh sb="4" eb="6">
      <t>ジョウレイ</t>
    </rPh>
    <rPh sb="7" eb="9">
      <t>シシン</t>
    </rPh>
    <rPh sb="10" eb="12">
      <t>テキゴウ</t>
    </rPh>
    <rPh sb="20" eb="22">
      <t>ケイカク</t>
    </rPh>
    <rPh sb="23" eb="25">
      <t>テイシュツ</t>
    </rPh>
    <rPh sb="31" eb="33">
      <t>ケイカク</t>
    </rPh>
    <rPh sb="34" eb="36">
      <t>セイジツ</t>
    </rPh>
    <rPh sb="37" eb="39">
      <t>ジッシ</t>
    </rPh>
    <phoneticPr fontId="2"/>
  </si>
  <si>
    <t>※横浜市、川崎市、相模原市、横須賀市、平塚市、藤沢市、小田原市、茅ヶ崎市、厚木市及び大和市の区域では、市長に対し届出等を行う。（横浜市、川崎市では県条例ではなく市条例が適用されるため、別途確認すること。）</t>
    <rPh sb="1" eb="4">
      <t>ヨコハマシ</t>
    </rPh>
    <rPh sb="5" eb="8">
      <t>カワサキシ</t>
    </rPh>
    <rPh sb="9" eb="13">
      <t>サガミハラシ</t>
    </rPh>
    <rPh sb="14" eb="18">
      <t>ヨコスカシ</t>
    </rPh>
    <rPh sb="19" eb="22">
      <t>ヒラツカシ</t>
    </rPh>
    <rPh sb="23" eb="26">
      <t>フジサワシ</t>
    </rPh>
    <rPh sb="27" eb="31">
      <t>オダワラシ</t>
    </rPh>
    <rPh sb="32" eb="36">
      <t>チガサキシ</t>
    </rPh>
    <rPh sb="37" eb="40">
      <t>アツギシ</t>
    </rPh>
    <rPh sb="40" eb="41">
      <t>オヨ</t>
    </rPh>
    <rPh sb="42" eb="45">
      <t>ヤマトシ</t>
    </rPh>
    <rPh sb="46" eb="48">
      <t>クイキ</t>
    </rPh>
    <rPh sb="51" eb="53">
      <t>シチョウ</t>
    </rPh>
    <rPh sb="54" eb="55">
      <t>タイ</t>
    </rPh>
    <rPh sb="56" eb="58">
      <t>トドケデ</t>
    </rPh>
    <rPh sb="58" eb="59">
      <t>トウ</t>
    </rPh>
    <rPh sb="60" eb="61">
      <t>オコナ</t>
    </rPh>
    <rPh sb="64" eb="67">
      <t>ヨコハマシ</t>
    </rPh>
    <rPh sb="68" eb="71">
      <t>カワサキシ</t>
    </rPh>
    <rPh sb="73" eb="74">
      <t>ケン</t>
    </rPh>
    <rPh sb="74" eb="76">
      <t>ジョウレイ</t>
    </rPh>
    <rPh sb="84" eb="86">
      <t>テキヨウ</t>
    </rPh>
    <phoneticPr fontId="2"/>
  </si>
  <si>
    <t>■事業所廃止時の土壌調査■
・特定有害物質を使用する事業所を廃止しようとするときは、土壌の汚染状態を調査し知事に報告する。
※土壌汚染対策法の対象となる場合は不要</t>
    <rPh sb="1" eb="4">
      <t>ジギョウショ</t>
    </rPh>
    <rPh sb="4" eb="6">
      <t>ハイシ</t>
    </rPh>
    <rPh sb="6" eb="7">
      <t>ジ</t>
    </rPh>
    <rPh sb="8" eb="10">
      <t>ドジョウ</t>
    </rPh>
    <rPh sb="10" eb="12">
      <t>チョウサ</t>
    </rPh>
    <rPh sb="15" eb="17">
      <t>トクテイ</t>
    </rPh>
    <rPh sb="17" eb="19">
      <t>ユウガイ</t>
    </rPh>
    <rPh sb="19" eb="21">
      <t>ブッシツ</t>
    </rPh>
    <rPh sb="22" eb="24">
      <t>シヨウ</t>
    </rPh>
    <rPh sb="26" eb="29">
      <t>ジギョウショ</t>
    </rPh>
    <rPh sb="30" eb="32">
      <t>ハイシ</t>
    </rPh>
    <rPh sb="42" eb="44">
      <t>ドジョウ</t>
    </rPh>
    <rPh sb="45" eb="47">
      <t>オセン</t>
    </rPh>
    <rPh sb="47" eb="49">
      <t>ジョウタイ</t>
    </rPh>
    <rPh sb="50" eb="52">
      <t>チョウサ</t>
    </rPh>
    <rPh sb="53" eb="55">
      <t>チジ</t>
    </rPh>
    <rPh sb="56" eb="58">
      <t>ホウコク</t>
    </rPh>
    <rPh sb="63" eb="65">
      <t>ドジョウ</t>
    </rPh>
    <rPh sb="65" eb="67">
      <t>オセン</t>
    </rPh>
    <rPh sb="67" eb="69">
      <t>タイサク</t>
    </rPh>
    <rPh sb="69" eb="70">
      <t>ホウ</t>
    </rPh>
    <rPh sb="71" eb="73">
      <t>タイショウ</t>
    </rPh>
    <rPh sb="76" eb="78">
      <t>バアイ</t>
    </rPh>
    <rPh sb="79" eb="81">
      <t>フヨウ</t>
    </rPh>
    <phoneticPr fontId="2"/>
  </si>
  <si>
    <r>
      <t>し尿や雑排水（工場</t>
    </r>
    <r>
      <rPr>
        <sz val="9"/>
        <rFont val="ＭＳ 明朝"/>
        <family val="1"/>
        <charset val="128"/>
      </rPr>
      <t>廃水や</t>
    </r>
    <r>
      <rPr>
        <sz val="9"/>
        <color theme="1"/>
        <rFont val="ＭＳ 明朝"/>
        <family val="2"/>
        <charset val="128"/>
      </rPr>
      <t>雨水は除きます）を処理し、公共下水道</t>
    </r>
    <r>
      <rPr>
        <u/>
        <sz val="9"/>
        <color theme="1"/>
        <rFont val="ＭＳ 明朝"/>
        <family val="1"/>
        <charset val="128"/>
      </rPr>
      <t>以外</t>
    </r>
    <r>
      <rPr>
        <sz val="9"/>
        <color theme="1"/>
        <rFont val="ＭＳ 明朝"/>
        <family val="1"/>
        <charset val="128"/>
      </rPr>
      <t>に放流するための設備・施設（浄化槽）がある場合は、浄化槽法の以下の条項が適用されます。</t>
    </r>
    <rPh sb="1" eb="2">
      <t>ニョウ</t>
    </rPh>
    <rPh sb="3" eb="6">
      <t>ザツハイスイ</t>
    </rPh>
    <rPh sb="7" eb="9">
      <t>コウジョウ</t>
    </rPh>
    <rPh sb="9" eb="11">
      <t>ハイスイ</t>
    </rPh>
    <rPh sb="12" eb="14">
      <t>ウスイ</t>
    </rPh>
    <rPh sb="15" eb="16">
      <t>ノゾ</t>
    </rPh>
    <rPh sb="21" eb="23">
      <t>ショリ</t>
    </rPh>
    <rPh sb="25" eb="27">
      <t>コウキョウ</t>
    </rPh>
    <rPh sb="27" eb="30">
      <t>ゲスイドウ</t>
    </rPh>
    <rPh sb="30" eb="32">
      <t>イガイ</t>
    </rPh>
    <rPh sb="33" eb="35">
      <t>ホウリュウ</t>
    </rPh>
    <rPh sb="40" eb="42">
      <t>セツビ</t>
    </rPh>
    <rPh sb="43" eb="45">
      <t>シセツ</t>
    </rPh>
    <rPh sb="46" eb="49">
      <t>ジョウカソウ</t>
    </rPh>
    <rPh sb="53" eb="55">
      <t>バアイ</t>
    </rPh>
    <rPh sb="57" eb="60">
      <t>ジョウカソウ</t>
    </rPh>
    <rPh sb="60" eb="61">
      <t>ホウ</t>
    </rPh>
    <rPh sb="62" eb="64">
      <t>イカ</t>
    </rPh>
    <rPh sb="65" eb="67">
      <t>ジョウコウ</t>
    </rPh>
    <rPh sb="68" eb="70">
      <t>テキヨウ</t>
    </rPh>
    <phoneticPr fontId="2"/>
  </si>
  <si>
    <t>Ｈ17</t>
    <phoneticPr fontId="2"/>
  </si>
  <si>
    <r>
      <t>カドミウムやテトラクロロエチレンなど特定有害物質（★26項目）を使用、貯蔵等する</t>
    </r>
    <r>
      <rPr>
        <sz val="9"/>
        <rFont val="ＭＳ 明朝"/>
        <family val="1"/>
        <charset val="128"/>
      </rPr>
      <t>事業所では、土壌汚染対策法及び生活環境保全等に関する条例に基づく次の条項が適用されます。</t>
    </r>
    <rPh sb="18" eb="20">
      <t>トクテイ</t>
    </rPh>
    <rPh sb="20" eb="22">
      <t>ユウガイ</t>
    </rPh>
    <rPh sb="22" eb="24">
      <t>ブッシツ</t>
    </rPh>
    <rPh sb="28" eb="30">
      <t>コウモク</t>
    </rPh>
    <rPh sb="32" eb="34">
      <t>シヨウ</t>
    </rPh>
    <rPh sb="35" eb="37">
      <t>チョゾウ</t>
    </rPh>
    <rPh sb="37" eb="38">
      <t>トウ</t>
    </rPh>
    <rPh sb="40" eb="42">
      <t>ジギョウ</t>
    </rPh>
    <rPh sb="42" eb="43">
      <t>ショ</t>
    </rPh>
    <rPh sb="52" eb="53">
      <t>ホウ</t>
    </rPh>
    <rPh sb="53" eb="54">
      <t>オヨ</t>
    </rPh>
    <rPh sb="55" eb="57">
      <t>セイカツ</t>
    </rPh>
    <rPh sb="57" eb="59">
      <t>カンキョウ</t>
    </rPh>
    <rPh sb="59" eb="61">
      <t>ホゼン</t>
    </rPh>
    <rPh sb="61" eb="62">
      <t>トウ</t>
    </rPh>
    <rPh sb="63" eb="64">
      <t>カン</t>
    </rPh>
    <rPh sb="66" eb="68">
      <t>ジョウレイ</t>
    </rPh>
    <rPh sb="69" eb="70">
      <t>モト</t>
    </rPh>
    <rPh sb="72" eb="73">
      <t>ツギ</t>
    </rPh>
    <rPh sb="74" eb="76">
      <t>ジョウコウ</t>
    </rPh>
    <rPh sb="77" eb="79">
      <t>テキヨウ</t>
    </rPh>
    <phoneticPr fontId="2"/>
  </si>
  <si>
    <r>
      <t xml:space="preserve">■区画形質変更の届出■
・特定有害物質を使用等した事業所において、区画（敷地境界）の変更又は形質の変更（掘削を伴う工事）を行うときは、あらかじめ土壌の汚染状態を調査して知事に報告する。（軽易な変更は除く）
</t>
    </r>
    <r>
      <rPr>
        <sz val="8"/>
        <rFont val="ＭＳ 明朝"/>
        <family val="1"/>
        <charset val="128"/>
      </rPr>
      <t>※土壌汚染対策法の対象となる場合は不要</t>
    </r>
    <rPh sb="1" eb="3">
      <t>クカク</t>
    </rPh>
    <rPh sb="3" eb="5">
      <t>ケイシツ</t>
    </rPh>
    <rPh sb="5" eb="7">
      <t>ヘンコウ</t>
    </rPh>
    <rPh sb="8" eb="10">
      <t>トドケデ</t>
    </rPh>
    <rPh sb="13" eb="15">
      <t>トクテイ</t>
    </rPh>
    <rPh sb="15" eb="17">
      <t>ユウガイ</t>
    </rPh>
    <rPh sb="17" eb="19">
      <t>ブッシツ</t>
    </rPh>
    <rPh sb="20" eb="22">
      <t>シヨウ</t>
    </rPh>
    <rPh sb="22" eb="23">
      <t>トウ</t>
    </rPh>
    <rPh sb="25" eb="28">
      <t>ジギョウショ</t>
    </rPh>
    <rPh sb="33" eb="35">
      <t>クカク</t>
    </rPh>
    <rPh sb="36" eb="38">
      <t>シキチ</t>
    </rPh>
    <rPh sb="38" eb="40">
      <t>キョウカイ</t>
    </rPh>
    <rPh sb="42" eb="44">
      <t>ヘンコウ</t>
    </rPh>
    <rPh sb="44" eb="45">
      <t>マタ</t>
    </rPh>
    <rPh sb="46" eb="48">
      <t>ケイシツ</t>
    </rPh>
    <rPh sb="49" eb="51">
      <t>ヘンコウ</t>
    </rPh>
    <rPh sb="52" eb="54">
      <t>クッサク</t>
    </rPh>
    <rPh sb="55" eb="56">
      <t>トモナ</t>
    </rPh>
    <rPh sb="57" eb="59">
      <t>コウジ</t>
    </rPh>
    <rPh sb="61" eb="62">
      <t>オコナ</t>
    </rPh>
    <rPh sb="72" eb="74">
      <t>ドジョウ</t>
    </rPh>
    <rPh sb="75" eb="77">
      <t>オセン</t>
    </rPh>
    <rPh sb="77" eb="79">
      <t>ジョウタイ</t>
    </rPh>
    <rPh sb="80" eb="82">
      <t>チョウサ</t>
    </rPh>
    <rPh sb="84" eb="86">
      <t>チジ</t>
    </rPh>
    <rPh sb="87" eb="89">
      <t>ホウコク</t>
    </rPh>
    <rPh sb="93" eb="95">
      <t>ケイイ</t>
    </rPh>
    <rPh sb="96" eb="98">
      <t>ヘンコウ</t>
    </rPh>
    <rPh sb="99" eb="100">
      <t>ノゾ</t>
    </rPh>
    <rPh sb="104" eb="106">
      <t>ドジョウ</t>
    </rPh>
    <rPh sb="106" eb="108">
      <t>オセン</t>
    </rPh>
    <rPh sb="108" eb="110">
      <t>タイサク</t>
    </rPh>
    <rPh sb="110" eb="111">
      <t>ホウ</t>
    </rPh>
    <rPh sb="112" eb="114">
      <t>タイショウ</t>
    </rPh>
    <rPh sb="117" eb="119">
      <t>バアイ</t>
    </rPh>
    <rPh sb="120" eb="122">
      <t>フヨウ</t>
    </rPh>
    <phoneticPr fontId="2"/>
  </si>
  <si>
    <r>
      <rPr>
        <sz val="9"/>
        <rFont val="ＭＳ 明朝"/>
        <family val="1"/>
        <charset val="128"/>
      </rPr>
      <t>廃棄物焼却炉等の特定施設（★）を使用している場合は、ダイオキシン類対策特別措置法の以下の条項が適用されます。</t>
    </r>
    <r>
      <rPr>
        <sz val="9"/>
        <color theme="1"/>
        <rFont val="ＭＳ 明朝"/>
        <family val="2"/>
        <charset val="128"/>
      </rPr>
      <t xml:space="preserve">
　★　法施行令別表第１と第２で、大気関係・水質関係がそれぞれ規定されています。</t>
    </r>
    <rPh sb="0" eb="3">
      <t>ハイキブツ</t>
    </rPh>
    <rPh sb="3" eb="5">
      <t>ショウキャク</t>
    </rPh>
    <rPh sb="5" eb="6">
      <t>ロ</t>
    </rPh>
    <rPh sb="6" eb="7">
      <t>トウ</t>
    </rPh>
    <rPh sb="8" eb="10">
      <t>トクテイ</t>
    </rPh>
    <rPh sb="10" eb="12">
      <t>シセツ</t>
    </rPh>
    <rPh sb="16" eb="18">
      <t>シヨウ</t>
    </rPh>
    <rPh sb="22" eb="24">
      <t>バアイ</t>
    </rPh>
    <rPh sb="32" eb="33">
      <t>ルイ</t>
    </rPh>
    <rPh sb="33" eb="35">
      <t>タイサク</t>
    </rPh>
    <rPh sb="35" eb="37">
      <t>トクベツ</t>
    </rPh>
    <rPh sb="37" eb="40">
      <t>ソチホウ</t>
    </rPh>
    <rPh sb="41" eb="43">
      <t>イカ</t>
    </rPh>
    <rPh sb="44" eb="46">
      <t>ジョウコウ</t>
    </rPh>
    <rPh sb="47" eb="49">
      <t>テキヨウ</t>
    </rPh>
    <rPh sb="58" eb="59">
      <t>ホウ</t>
    </rPh>
    <rPh sb="59" eb="61">
      <t>セコウ</t>
    </rPh>
    <rPh sb="61" eb="62">
      <t>レイ</t>
    </rPh>
    <rPh sb="62" eb="64">
      <t>ベッピョウ</t>
    </rPh>
    <rPh sb="64" eb="65">
      <t>ダイ</t>
    </rPh>
    <rPh sb="67" eb="68">
      <t>ダイ</t>
    </rPh>
    <rPh sb="71" eb="73">
      <t>タイキ</t>
    </rPh>
    <rPh sb="73" eb="75">
      <t>カンケイ</t>
    </rPh>
    <rPh sb="76" eb="78">
      <t>スイシツ</t>
    </rPh>
    <rPh sb="78" eb="80">
      <t>カンケイ</t>
    </rPh>
    <rPh sb="85" eb="87">
      <t>キテイ</t>
    </rPh>
    <phoneticPr fontId="2"/>
  </si>
  <si>
    <t>第1.7版を作成（「土壌」シートを新規追加、「浄化槽」シート「工場排水」⇒「工場廃水」に修正、「毒物劇物」シート「H16の2」⇒「H17」に修正、「高圧ガス」シートに「事故届」を追加）、「焼却施設」シート「大気汚染防止法」の項目を削除</t>
    <rPh sb="0" eb="1">
      <t>ダイ</t>
    </rPh>
    <rPh sb="4" eb="5">
      <t>バン</t>
    </rPh>
    <rPh sb="6" eb="8">
      <t>サクセイ</t>
    </rPh>
    <rPh sb="10" eb="12">
      <t>ドジョウ</t>
    </rPh>
    <rPh sb="17" eb="19">
      <t>シンキ</t>
    </rPh>
    <rPh sb="19" eb="21">
      <t>ツイカ</t>
    </rPh>
    <rPh sb="23" eb="25">
      <t>ジョウカ</t>
    </rPh>
    <rPh sb="31" eb="33">
      <t>コウジョウ</t>
    </rPh>
    <rPh sb="33" eb="35">
      <t>ハイスイ</t>
    </rPh>
    <rPh sb="38" eb="40">
      <t>コウジョウ</t>
    </rPh>
    <rPh sb="40" eb="42">
      <t>ハイスイ</t>
    </rPh>
    <rPh sb="44" eb="46">
      <t>シュウセイ</t>
    </rPh>
    <rPh sb="48" eb="50">
      <t>ドクブツ</t>
    </rPh>
    <rPh sb="50" eb="52">
      <t>ゲキブツ</t>
    </rPh>
    <rPh sb="70" eb="72">
      <t>シュウセイ</t>
    </rPh>
    <rPh sb="74" eb="76">
      <t>コウアツ</t>
    </rPh>
    <rPh sb="84" eb="86">
      <t>ジコ</t>
    </rPh>
    <rPh sb="86" eb="87">
      <t>トドケ</t>
    </rPh>
    <rPh sb="89" eb="91">
      <t>ツイカ</t>
    </rPh>
    <rPh sb="94" eb="96">
      <t>ショウキャク</t>
    </rPh>
    <rPh sb="96" eb="98">
      <t>シセツ</t>
    </rPh>
    <rPh sb="103" eb="105">
      <t>タイキ</t>
    </rPh>
    <rPh sb="105" eb="107">
      <t>オセン</t>
    </rPh>
    <rPh sb="107" eb="110">
      <t>ボウシホウ</t>
    </rPh>
    <rPh sb="112" eb="114">
      <t>コウモク</t>
    </rPh>
    <rPh sb="115" eb="117">
      <t>サクジョ</t>
    </rPh>
    <phoneticPr fontId="2"/>
  </si>
  <si>
    <t>Ｊ96-3</t>
    <phoneticPr fontId="2"/>
  </si>
  <si>
    <t>法令</t>
    <rPh sb="0" eb="2">
      <t>ホウレイ</t>
    </rPh>
    <phoneticPr fontId="52"/>
  </si>
  <si>
    <t>所管課</t>
    <rPh sb="0" eb="2">
      <t>ショカン</t>
    </rPh>
    <rPh sb="2" eb="3">
      <t>カ</t>
    </rPh>
    <phoneticPr fontId="52"/>
  </si>
  <si>
    <t>下水道課</t>
  </si>
  <si>
    <t>生活衛生課</t>
  </si>
  <si>
    <t>消防保安課</t>
  </si>
  <si>
    <t>薬務課</t>
  </si>
  <si>
    <t>資源循環推進課</t>
  </si>
  <si>
    <t>ばい煙
送風機等
空調機等
公共用水域
危険物
焼却施設
廃止した焼却施設</t>
    <phoneticPr fontId="2"/>
  </si>
  <si>
    <t>下水道</t>
    <phoneticPr fontId="2"/>
  </si>
  <si>
    <t>浄化槽</t>
    <phoneticPr fontId="2"/>
  </si>
  <si>
    <t>毒物劇物</t>
    <rPh sb="2" eb="4">
      <t>ゲキブツ</t>
    </rPh>
    <phoneticPr fontId="2"/>
  </si>
  <si>
    <t>高圧ガス保安</t>
    <rPh sb="0" eb="2">
      <t>コウアツ</t>
    </rPh>
    <rPh sb="4" eb="6">
      <t>ホアン</t>
    </rPh>
    <phoneticPr fontId="2"/>
  </si>
  <si>
    <t>危険物</t>
    <rPh sb="0" eb="3">
      <t>キケンブツ</t>
    </rPh>
    <phoneticPr fontId="2"/>
  </si>
  <si>
    <t>一廃
産廃
特管
ＰＣＢ
焼却施設
廃止した焼却施設</t>
    <phoneticPr fontId="2"/>
  </si>
  <si>
    <t>□設置時の届出等を確認
　→新設・変更の有無
　　を確認
　→変更許可申請書等
　　を確認</t>
    <rPh sb="1" eb="3">
      <t>セッチ</t>
    </rPh>
    <rPh sb="3" eb="4">
      <t>ジ</t>
    </rPh>
    <rPh sb="5" eb="7">
      <t>トドケデ</t>
    </rPh>
    <rPh sb="7" eb="8">
      <t>トウ</t>
    </rPh>
    <rPh sb="9" eb="11">
      <t>カクニン</t>
    </rPh>
    <rPh sb="14" eb="16">
      <t>シンセツ</t>
    </rPh>
    <rPh sb="17" eb="19">
      <t>ヘンコウ</t>
    </rPh>
    <rPh sb="20" eb="21">
      <t>ユウ</t>
    </rPh>
    <rPh sb="21" eb="22">
      <t>ム</t>
    </rPh>
    <rPh sb="26" eb="28">
      <t>カクニン</t>
    </rPh>
    <rPh sb="31" eb="33">
      <t>ヘンコウ</t>
    </rPh>
    <rPh sb="33" eb="35">
      <t>キョカ</t>
    </rPh>
    <rPh sb="35" eb="37">
      <t>シンセイ</t>
    </rPh>
    <rPh sb="37" eb="38">
      <t>ショ</t>
    </rPh>
    <rPh sb="38" eb="39">
      <t>ナド</t>
    </rPh>
    <rPh sb="43" eb="45">
      <t>カクニン</t>
    </rPh>
    <phoneticPr fontId="2"/>
  </si>
  <si>
    <r>
      <t>■事故時の措置■
・施設の破損等により基準に適合しない排水等が
　流出し、被害を生じるおそれがあるときは、直
　ちに応急の措置を講じる
・</t>
    </r>
    <r>
      <rPr>
        <sz val="8"/>
        <rFont val="ＭＳ 明朝"/>
        <family val="1"/>
        <charset val="128"/>
      </rPr>
      <t>速やかに事故の状況や措置を、知事に報告する</t>
    </r>
    <rPh sb="1" eb="3">
      <t>ジコ</t>
    </rPh>
    <rPh sb="3" eb="4">
      <t>ジ</t>
    </rPh>
    <rPh sb="5" eb="7">
      <t>ソチ</t>
    </rPh>
    <rPh sb="10" eb="12">
      <t>シセツ</t>
    </rPh>
    <rPh sb="13" eb="16">
      <t>ハソントウ</t>
    </rPh>
    <rPh sb="19" eb="21">
      <t>キジュン</t>
    </rPh>
    <rPh sb="22" eb="24">
      <t>テキゴウ</t>
    </rPh>
    <rPh sb="29" eb="30">
      <t>トウ</t>
    </rPh>
    <rPh sb="37" eb="39">
      <t>ヒガイ</t>
    </rPh>
    <rPh sb="40" eb="41">
      <t>ショウ</t>
    </rPh>
    <rPh sb="53" eb="54">
      <t>タダ</t>
    </rPh>
    <rPh sb="58" eb="60">
      <t>オウキュウ</t>
    </rPh>
    <rPh sb="61" eb="63">
      <t>ソチ</t>
    </rPh>
    <rPh sb="64" eb="65">
      <t>コウ</t>
    </rPh>
    <rPh sb="69" eb="70">
      <t>スミ</t>
    </rPh>
    <rPh sb="73" eb="75">
      <t>ジコ</t>
    </rPh>
    <rPh sb="76" eb="78">
      <t>ジョウキョウ</t>
    </rPh>
    <rPh sb="79" eb="81">
      <t>ソチ</t>
    </rPh>
    <rPh sb="83" eb="85">
      <t>チジ</t>
    </rPh>
    <rPh sb="86" eb="88">
      <t>ホウコク</t>
    </rPh>
    <phoneticPr fontId="2"/>
  </si>
  <si>
    <t>□該当事象はあったか
□直ちに応急措置及び
速やかに報告を行ったか
　（記録を確認）</t>
    <rPh sb="1" eb="3">
      <t>ガイトウ</t>
    </rPh>
    <rPh sb="3" eb="5">
      <t>ジショウ</t>
    </rPh>
    <rPh sb="12" eb="13">
      <t>タダ</t>
    </rPh>
    <rPh sb="15" eb="17">
      <t>オウキュウ</t>
    </rPh>
    <rPh sb="17" eb="19">
      <t>ソチ</t>
    </rPh>
    <rPh sb="19" eb="20">
      <t>オヨ</t>
    </rPh>
    <rPh sb="22" eb="23">
      <t>スミ</t>
    </rPh>
    <rPh sb="26" eb="27">
      <t>ホウ</t>
    </rPh>
    <rPh sb="27" eb="28">
      <t>コク</t>
    </rPh>
    <rPh sb="29" eb="30">
      <t>オコナ</t>
    </rPh>
    <rPh sb="36" eb="38">
      <t>キロク</t>
    </rPh>
    <rPh sb="39" eb="41">
      <t>カクニン</t>
    </rPh>
    <phoneticPr fontId="2"/>
  </si>
  <si>
    <t>■表示板の掲示■
・指定事業所の名称、許可年月日等を記載した表
　示板を掲示する</t>
    <rPh sb="1" eb="4">
      <t>ヒョウジバン</t>
    </rPh>
    <rPh sb="5" eb="7">
      <t>ケイジ</t>
    </rPh>
    <rPh sb="10" eb="12">
      <t>シテイ</t>
    </rPh>
    <rPh sb="12" eb="15">
      <t>ジギョウショ</t>
    </rPh>
    <rPh sb="16" eb="18">
      <t>メイショウ</t>
    </rPh>
    <rPh sb="19" eb="21">
      <t>キョカ</t>
    </rPh>
    <rPh sb="21" eb="24">
      <t>ネンガッピ</t>
    </rPh>
    <rPh sb="24" eb="25">
      <t>トウ</t>
    </rPh>
    <rPh sb="26" eb="28">
      <t>キサイ</t>
    </rPh>
    <rPh sb="30" eb="31">
      <t>オモテ</t>
    </rPh>
    <rPh sb="33" eb="34">
      <t>シメス</t>
    </rPh>
    <rPh sb="34" eb="35">
      <t>イタ</t>
    </rPh>
    <rPh sb="36" eb="38">
      <t>ケイジ</t>
    </rPh>
    <phoneticPr fontId="2"/>
  </si>
  <si>
    <t>□表示板があるか</t>
    <rPh sb="1" eb="2">
      <t>ヒョウ</t>
    </rPh>
    <phoneticPr fontId="2"/>
  </si>
  <si>
    <t>第1.8版を作成
・すべてのシートの更新日付を更新
・「公共用水域」字句修正、「一廃」図の修正、「PCB」チェック方法例の一部修正など、「焼却施設」H28欄への文言追加、「（参考）自動車」条項番号の一部修正
・最終シートに「別添２」表を追加
・「産廃」_条項「R6の2、K8の4の2」_「書面による契約」欄にR5年1月会計局の標準契約書改訂に伴う
　注意事項を記載。</t>
    <rPh sb="0" eb="1">
      <t>ダイ</t>
    </rPh>
    <rPh sb="4" eb="5">
      <t>ハン</t>
    </rPh>
    <rPh sb="6" eb="8">
      <t>サクセイ</t>
    </rPh>
    <rPh sb="18" eb="20">
      <t>コウシン</t>
    </rPh>
    <rPh sb="20" eb="22">
      <t>ヒヅケ</t>
    </rPh>
    <rPh sb="23" eb="25">
      <t>コウシン</t>
    </rPh>
    <rPh sb="28" eb="31">
      <t>コウキョウヨウ</t>
    </rPh>
    <rPh sb="31" eb="33">
      <t>スイイキ</t>
    </rPh>
    <rPh sb="34" eb="36">
      <t>ジク</t>
    </rPh>
    <rPh sb="36" eb="38">
      <t>シュウセイ</t>
    </rPh>
    <rPh sb="40" eb="41">
      <t>イチ</t>
    </rPh>
    <rPh sb="41" eb="42">
      <t>ハイ</t>
    </rPh>
    <rPh sb="43" eb="44">
      <t>ズ</t>
    </rPh>
    <rPh sb="45" eb="47">
      <t>シュウセイ</t>
    </rPh>
    <rPh sb="57" eb="59">
      <t>ホウホウ</t>
    </rPh>
    <rPh sb="59" eb="60">
      <t>レイ</t>
    </rPh>
    <rPh sb="61" eb="63">
      <t>イチブ</t>
    </rPh>
    <rPh sb="63" eb="65">
      <t>シュウセイ</t>
    </rPh>
    <rPh sb="69" eb="71">
      <t>ショウキャク</t>
    </rPh>
    <rPh sb="71" eb="73">
      <t>シセツ</t>
    </rPh>
    <rPh sb="77" eb="78">
      <t>ラン</t>
    </rPh>
    <rPh sb="80" eb="82">
      <t>モンゴン</t>
    </rPh>
    <rPh sb="82" eb="84">
      <t>ツイカ</t>
    </rPh>
    <rPh sb="87" eb="89">
      <t>サンコウ</t>
    </rPh>
    <rPh sb="90" eb="92">
      <t>ジドウ</t>
    </rPh>
    <rPh sb="92" eb="93">
      <t>シャ</t>
    </rPh>
    <rPh sb="94" eb="96">
      <t>ジョウコウ</t>
    </rPh>
    <rPh sb="96" eb="98">
      <t>バンゴウ</t>
    </rPh>
    <rPh sb="99" eb="101">
      <t>イチブ</t>
    </rPh>
    <rPh sb="101" eb="103">
      <t>シュウセイ</t>
    </rPh>
    <rPh sb="105" eb="107">
      <t>サイシュウ</t>
    </rPh>
    <rPh sb="112" eb="114">
      <t>ベッテン</t>
    </rPh>
    <rPh sb="116" eb="117">
      <t>ヒョウ</t>
    </rPh>
    <rPh sb="118" eb="120">
      <t>ツイカ</t>
    </rPh>
    <rPh sb="123" eb="125">
      <t>サンパイ</t>
    </rPh>
    <rPh sb="127" eb="129">
      <t>ジョウコウ</t>
    </rPh>
    <rPh sb="144" eb="146">
      <t>ショメン</t>
    </rPh>
    <rPh sb="149" eb="151">
      <t>ケイヤク</t>
    </rPh>
    <rPh sb="152" eb="153">
      <t>ラン</t>
    </rPh>
    <rPh sb="156" eb="157">
      <t>ネン</t>
    </rPh>
    <rPh sb="158" eb="159">
      <t>ガツ</t>
    </rPh>
    <rPh sb="159" eb="161">
      <t>カイケイ</t>
    </rPh>
    <rPh sb="161" eb="162">
      <t>キョク</t>
    </rPh>
    <rPh sb="163" eb="165">
      <t>ヒョウジュン</t>
    </rPh>
    <rPh sb="165" eb="167">
      <t>ケイヤク</t>
    </rPh>
    <rPh sb="167" eb="168">
      <t>ショ</t>
    </rPh>
    <rPh sb="168" eb="170">
      <t>カイテイ</t>
    </rPh>
    <rPh sb="171" eb="172">
      <t>トモナ</t>
    </rPh>
    <rPh sb="175" eb="177">
      <t>チュウイ</t>
    </rPh>
    <rPh sb="177" eb="179">
      <t>ジコウ</t>
    </rPh>
    <rPh sb="180" eb="182">
      <t>キサイ</t>
    </rPh>
    <phoneticPr fontId="2"/>
  </si>
  <si>
    <r>
      <t>■汚染状況の調査測定■
・毎年１回以上、汚染状況を測定する
　※排出ガス、</t>
    </r>
    <r>
      <rPr>
        <sz val="8"/>
        <rFont val="ＭＳ 明朝"/>
        <family val="1"/>
        <charset val="128"/>
      </rPr>
      <t>排出水、ばいじん、焼却灰、燃え殻等
・測定結果は、知事に報告する</t>
    </r>
    <rPh sb="1" eb="3">
      <t>オセン</t>
    </rPh>
    <rPh sb="3" eb="5">
      <t>ジョウキョウ</t>
    </rPh>
    <rPh sb="6" eb="8">
      <t>チョウサ</t>
    </rPh>
    <rPh sb="8" eb="10">
      <t>ソクテイ</t>
    </rPh>
    <rPh sb="13" eb="15">
      <t>マイネン</t>
    </rPh>
    <rPh sb="16" eb="17">
      <t>カイ</t>
    </rPh>
    <rPh sb="17" eb="19">
      <t>イジョウ</t>
    </rPh>
    <rPh sb="20" eb="22">
      <t>オセン</t>
    </rPh>
    <rPh sb="22" eb="24">
      <t>ジョウキョウ</t>
    </rPh>
    <rPh sb="25" eb="27">
      <t>ソクテイ</t>
    </rPh>
    <rPh sb="32" eb="34">
      <t>ハイシュツ</t>
    </rPh>
    <rPh sb="37" eb="39">
      <t>ハイシュツ</t>
    </rPh>
    <rPh sb="39" eb="40">
      <t>スイ</t>
    </rPh>
    <rPh sb="46" eb="49">
      <t>ショウキャクバイ</t>
    </rPh>
    <rPh sb="50" eb="51">
      <t>モ</t>
    </rPh>
    <rPh sb="52" eb="53">
      <t>ガラ</t>
    </rPh>
    <rPh sb="53" eb="54">
      <t>トウ</t>
    </rPh>
    <rPh sb="56" eb="58">
      <t>ソクテイ</t>
    </rPh>
    <rPh sb="58" eb="60">
      <t>ケッカ</t>
    </rPh>
    <rPh sb="62" eb="64">
      <t>チジ</t>
    </rPh>
    <rPh sb="65" eb="67">
      <t>ホウコク</t>
    </rPh>
    <phoneticPr fontId="2"/>
  </si>
  <si>
    <t>※6　改正法（Ｒ2年4月1日施行）により、新設。</t>
    <rPh sb="3" eb="5">
      <t>カイセイ</t>
    </rPh>
    <rPh sb="5" eb="6">
      <t>ホウ</t>
    </rPh>
    <rPh sb="13" eb="14">
      <t>ニチ</t>
    </rPh>
    <rPh sb="14" eb="16">
      <t>セコウ</t>
    </rPh>
    <rPh sb="21" eb="23">
      <t>シンセツ</t>
    </rPh>
    <phoneticPr fontId="2"/>
  </si>
  <si>
    <t>Ｈ42
※６</t>
    <phoneticPr fontId="2"/>
  </si>
  <si>
    <t xml:space="preserve">■建物解体時の確認書面の受領と保存等■
建物解体時に第一種特定製品の設置の有無について特定解体工事元請業者から確認書面の交付を受けたときは、確認書面を3年間保存する。
</t>
    <rPh sb="1" eb="3">
      <t>タテモノ</t>
    </rPh>
    <rPh sb="3" eb="5">
      <t>カイタイ</t>
    </rPh>
    <rPh sb="5" eb="6">
      <t>ジ</t>
    </rPh>
    <rPh sb="7" eb="9">
      <t>カクニン</t>
    </rPh>
    <rPh sb="9" eb="11">
      <t>ショメン</t>
    </rPh>
    <rPh sb="13" eb="14">
      <t>リョウ</t>
    </rPh>
    <rPh sb="15" eb="17">
      <t>ホゾン</t>
    </rPh>
    <rPh sb="17" eb="18">
      <t>トウ</t>
    </rPh>
    <rPh sb="20" eb="22">
      <t>タテモノ</t>
    </rPh>
    <rPh sb="22" eb="25">
      <t>カイタイジ</t>
    </rPh>
    <rPh sb="34" eb="36">
      <t>セッチ</t>
    </rPh>
    <rPh sb="37" eb="39">
      <t>ウム</t>
    </rPh>
    <rPh sb="55" eb="57">
      <t>カクニン</t>
    </rPh>
    <rPh sb="57" eb="59">
      <t>ショメン</t>
    </rPh>
    <rPh sb="60" eb="62">
      <t>コウフ</t>
    </rPh>
    <rPh sb="63" eb="64">
      <t>ウ</t>
    </rPh>
    <rPh sb="70" eb="72">
      <t>カクニン</t>
    </rPh>
    <rPh sb="72" eb="74">
      <t>ショメン</t>
    </rPh>
    <rPh sb="76" eb="78">
      <t>ネンカン</t>
    </rPh>
    <rPh sb="78" eb="80">
      <t>ホゾン</t>
    </rPh>
    <phoneticPr fontId="2"/>
  </si>
  <si>
    <t>□特定解体工事元請業者から確認書面の交付を受けたか
□確認書面は３年間
　保存されているか</t>
    <rPh sb="1" eb="3">
      <t>トクテイ</t>
    </rPh>
    <rPh sb="3" eb="5">
      <t>カイタイ</t>
    </rPh>
    <rPh sb="5" eb="7">
      <t>コウジ</t>
    </rPh>
    <rPh sb="7" eb="9">
      <t>モトウケ</t>
    </rPh>
    <rPh sb="9" eb="11">
      <t>ギョウシャ</t>
    </rPh>
    <rPh sb="13" eb="15">
      <t>カクニン</t>
    </rPh>
    <rPh sb="15" eb="17">
      <t>ショメン</t>
    </rPh>
    <rPh sb="18" eb="20">
      <t>コウフ</t>
    </rPh>
    <rPh sb="21" eb="22">
      <t>ウ</t>
    </rPh>
    <rPh sb="27" eb="29">
      <t>カクニン</t>
    </rPh>
    <phoneticPr fontId="2"/>
  </si>
  <si>
    <t>環境課</t>
    <rPh sb="0" eb="2">
      <t>カンキョウ</t>
    </rPh>
    <phoneticPr fontId="2"/>
  </si>
  <si>
    <r>
      <t xml:space="preserve">（作　成：Ｈ28年６月30日）
</t>
    </r>
    <r>
      <rPr>
        <sz val="7"/>
        <rFont val="ＭＳ 明朝"/>
        <family val="1"/>
        <charset val="128"/>
      </rPr>
      <t>（更　新：Ｒ　年</t>
    </r>
    <r>
      <rPr>
        <sz val="7"/>
        <rFont val="ＭＳ 明朝"/>
        <family val="2"/>
        <charset val="128"/>
      </rPr>
      <t xml:space="preserve"> </t>
    </r>
    <r>
      <rPr>
        <sz val="7"/>
        <rFont val="ＭＳ 明朝"/>
        <family val="1"/>
        <charset val="128"/>
      </rPr>
      <t>月</t>
    </r>
    <r>
      <rPr>
        <sz val="7"/>
        <rFont val="ＭＳ 明朝"/>
        <family val="2"/>
        <charset val="128"/>
      </rPr>
      <t xml:space="preserve">  </t>
    </r>
    <r>
      <rPr>
        <sz val="7"/>
        <rFont val="ＭＳ 明朝"/>
        <family val="1"/>
        <charset val="128"/>
      </rPr>
      <t>日）</t>
    </r>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作　成：Ｈ28年６月30日）
（更　新：Ｒ　年 月  日）</t>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作　成：Ｈ28年６月30日）
（更　新：Ｒ  年 月  日）</t>
    <rPh sb="1" eb="2">
      <t>サク</t>
    </rPh>
    <rPh sb="3" eb="4">
      <t>シゲル</t>
    </rPh>
    <rPh sb="8" eb="9">
      <t>ネン</t>
    </rPh>
    <rPh sb="10" eb="11">
      <t>ツキ</t>
    </rPh>
    <rPh sb="13" eb="14">
      <t>ヒ</t>
    </rPh>
    <rPh sb="17" eb="18">
      <t>サラ</t>
    </rPh>
    <rPh sb="19" eb="20">
      <t>シン</t>
    </rPh>
    <rPh sb="24" eb="25">
      <t>ネン</t>
    </rPh>
    <rPh sb="26" eb="27">
      <t>ツキ</t>
    </rPh>
    <rPh sb="29" eb="30">
      <t>ヒ</t>
    </rPh>
    <phoneticPr fontId="2"/>
  </si>
  <si>
    <t>（作　成：Ｒ４年２月３日）
（更　新：Ｒ  年  月 日）</t>
    <rPh sb="1" eb="2">
      <t>サク</t>
    </rPh>
    <rPh sb="3" eb="4">
      <t>シゲル</t>
    </rPh>
    <rPh sb="7" eb="8">
      <t>ネン</t>
    </rPh>
    <rPh sb="9" eb="10">
      <t>ツキ</t>
    </rPh>
    <rPh sb="11" eb="12">
      <t>ヒ</t>
    </rPh>
    <rPh sb="15" eb="16">
      <t>サラ</t>
    </rPh>
    <rPh sb="17" eb="18">
      <t>シン</t>
    </rPh>
    <rPh sb="22" eb="23">
      <t>ネン</t>
    </rPh>
    <rPh sb="25" eb="26">
      <t>ツキ</t>
    </rPh>
    <rPh sb="27" eb="28">
      <t>ヒ</t>
    </rPh>
    <phoneticPr fontId="2"/>
  </si>
  <si>
    <t>（作　成：Ｈ28年６月30日）
（更　新：Ｒ  年  月  日）</t>
    <rPh sb="1" eb="2">
      <t>サク</t>
    </rPh>
    <rPh sb="3" eb="4">
      <t>シゲル</t>
    </rPh>
    <rPh sb="8" eb="9">
      <t>ネン</t>
    </rPh>
    <rPh sb="10" eb="11">
      <t>ツキ</t>
    </rPh>
    <rPh sb="13" eb="14">
      <t>ヒ</t>
    </rPh>
    <rPh sb="17" eb="18">
      <t>サラ</t>
    </rPh>
    <rPh sb="19" eb="20">
      <t>シン</t>
    </rPh>
    <rPh sb="24" eb="25">
      <t>ネン</t>
    </rPh>
    <rPh sb="27" eb="28">
      <t>ツキ</t>
    </rPh>
    <rPh sb="30" eb="31">
      <t>ヒ</t>
    </rPh>
    <phoneticPr fontId="2"/>
  </si>
  <si>
    <r>
      <t>■変更</t>
    </r>
    <r>
      <rPr>
        <sz val="8"/>
        <color theme="1"/>
        <rFont val="ＭＳ 明朝"/>
        <family val="1"/>
        <charset val="128"/>
      </rPr>
      <t>の届出■
・指定事業所の業種その他規則で定める軽微な変
　更等をしたときは、30日以内に知事に届出を行
　う</t>
    </r>
    <rPh sb="1" eb="3">
      <t>ヘンコウ</t>
    </rPh>
    <rPh sb="4" eb="5">
      <t>トド</t>
    </rPh>
    <rPh sb="9" eb="11">
      <t>シテイ</t>
    </rPh>
    <rPh sb="11" eb="13">
      <t>ジギョウ</t>
    </rPh>
    <rPh sb="13" eb="14">
      <t>ショ</t>
    </rPh>
    <rPh sb="15" eb="17">
      <t>ギョウシュ</t>
    </rPh>
    <rPh sb="19" eb="20">
      <t>タ</t>
    </rPh>
    <rPh sb="20" eb="22">
      <t>キソク</t>
    </rPh>
    <rPh sb="23" eb="24">
      <t>サダ</t>
    </rPh>
    <rPh sb="26" eb="28">
      <t>ケイビ</t>
    </rPh>
    <rPh sb="32" eb="33">
      <t>サラ</t>
    </rPh>
    <rPh sb="33" eb="34">
      <t>トウ</t>
    </rPh>
    <rPh sb="43" eb="44">
      <t>ヒ</t>
    </rPh>
    <rPh sb="44" eb="46">
      <t>イナイ</t>
    </rPh>
    <rPh sb="47" eb="49">
      <t>チジ</t>
    </rPh>
    <rPh sb="50" eb="52">
      <t>トドケデ</t>
    </rPh>
    <rPh sb="53" eb="54">
      <t>オコナ</t>
    </rPh>
    <phoneticPr fontId="2"/>
  </si>
  <si>
    <t>□橋梁等の塗膜について、ＰＣＢが含有している恐れがあるか確認したか。</t>
    <rPh sb="1" eb="3">
      <t>キョウリョウ</t>
    </rPh>
    <rPh sb="3" eb="4">
      <t>トウ</t>
    </rPh>
    <rPh sb="5" eb="7">
      <t>トマク</t>
    </rPh>
    <rPh sb="22" eb="23">
      <t>オソ</t>
    </rPh>
    <phoneticPr fontId="2"/>
  </si>
  <si>
    <t>（作　成：Ｈ28年６月30日）
（更　新：Ｒ６年 月  日）</t>
    <rPh sb="1" eb="2">
      <t>サク</t>
    </rPh>
    <rPh sb="3" eb="4">
      <t>シゲル</t>
    </rPh>
    <rPh sb="8" eb="9">
      <t>ネン</t>
    </rPh>
    <rPh sb="10" eb="11">
      <t>ツキ</t>
    </rPh>
    <rPh sb="13" eb="14">
      <t>ヒ</t>
    </rPh>
    <rPh sb="17" eb="18">
      <t>サラ</t>
    </rPh>
    <rPh sb="19" eb="20">
      <t>シン</t>
    </rPh>
    <rPh sb="23" eb="24">
      <t>ネン</t>
    </rPh>
    <rPh sb="25" eb="26">
      <t>ツキ</t>
    </rPh>
    <rPh sb="28" eb="29">
      <t>ヒ</t>
    </rPh>
    <phoneticPr fontId="2"/>
  </si>
  <si>
    <t>第1.9版を作成（組織再編に伴い所管課名を修正（大気水質課→環境課、環境計画課→環境課）、「空調機等」シートの「点検・修理・充塡・回収の記録」欄の修正、「漏えい量の報告」欄の修正、「建物解体時の確認書面の受領と保存等」を追記、「産廃」シートに「屋外で容器を用いず保管をしている場合の最大保管高さ」を追記、「書面による契約」欄の修正、「PCB」シートの「チェック方法例」を修正、「焼却施設」シートの「排出の制限」欄の修正。）</t>
    <rPh sb="0" eb="1">
      <t>ダイ</t>
    </rPh>
    <rPh sb="4" eb="5">
      <t>ハン</t>
    </rPh>
    <rPh sb="6" eb="8">
      <t>サクセイ</t>
    </rPh>
    <rPh sb="9" eb="13">
      <t>ソシキサイヘン</t>
    </rPh>
    <rPh sb="14" eb="15">
      <t>トモナ</t>
    </rPh>
    <rPh sb="16" eb="18">
      <t>ショカン</t>
    </rPh>
    <rPh sb="18" eb="19">
      <t>カ</t>
    </rPh>
    <rPh sb="19" eb="20">
      <t>メイ</t>
    </rPh>
    <rPh sb="21" eb="23">
      <t>シュウセイ</t>
    </rPh>
    <rPh sb="24" eb="26">
      <t>タイキ</t>
    </rPh>
    <rPh sb="26" eb="28">
      <t>スイシツ</t>
    </rPh>
    <rPh sb="28" eb="29">
      <t>カ</t>
    </rPh>
    <rPh sb="30" eb="32">
      <t>カンキョウ</t>
    </rPh>
    <rPh sb="32" eb="33">
      <t>カ</t>
    </rPh>
    <rPh sb="34" eb="39">
      <t>カンキョウケイカクカ</t>
    </rPh>
    <rPh sb="39" eb="43">
      <t>ヤジルシカンキョウカ</t>
    </rPh>
    <rPh sb="46" eb="49">
      <t>クウチョウキ</t>
    </rPh>
    <rPh sb="49" eb="50">
      <t>トウ</t>
    </rPh>
    <rPh sb="71" eb="72">
      <t>ラン</t>
    </rPh>
    <rPh sb="73" eb="75">
      <t>シュウセイ</t>
    </rPh>
    <rPh sb="85" eb="86">
      <t>ラン</t>
    </rPh>
    <rPh sb="87" eb="89">
      <t>シュウセイ</t>
    </rPh>
    <rPh sb="110" eb="112">
      <t>ツイキ</t>
    </rPh>
    <rPh sb="114" eb="116">
      <t>サンパイ</t>
    </rPh>
    <rPh sb="149" eb="151">
      <t>ツイキ</t>
    </rPh>
    <rPh sb="161" eb="162">
      <t>ラン</t>
    </rPh>
    <rPh sb="163" eb="165">
      <t>シュウセイ</t>
    </rPh>
    <rPh sb="189" eb="191">
      <t>ショウキャク</t>
    </rPh>
    <rPh sb="191" eb="193">
      <t>シセツ</t>
    </rPh>
    <rPh sb="199" eb="201">
      <t>ハイシュツ</t>
    </rPh>
    <rPh sb="202" eb="204">
      <t>セイゲン</t>
    </rPh>
    <rPh sb="205" eb="206">
      <t>ラン</t>
    </rPh>
    <rPh sb="207" eb="209">
      <t>シュウセイ</t>
    </rPh>
    <phoneticPr fontId="2"/>
  </si>
  <si>
    <t>令和６年２月</t>
    <rPh sb="0" eb="2">
      <t>レイワ</t>
    </rPh>
    <rPh sb="3" eb="4">
      <t>ネン</t>
    </rPh>
    <rPh sb="5" eb="6">
      <t>ツキ</t>
    </rPh>
    <phoneticPr fontId="2"/>
  </si>
  <si>
    <t>環境関連法令順守「標準的チェックリスト」(第1.9版）</t>
    <rPh sb="0" eb="2">
      <t>カンキョウ</t>
    </rPh>
    <rPh sb="2" eb="4">
      <t>カンレン</t>
    </rPh>
    <rPh sb="4" eb="6">
      <t>ホウレイ</t>
    </rPh>
    <rPh sb="6" eb="8">
      <t>ジュンシュ</t>
    </rPh>
    <rPh sb="9" eb="12">
      <t>ヒョウジュンテキ</t>
    </rPh>
    <rPh sb="21" eb="22">
      <t>ダイ</t>
    </rPh>
    <rPh sb="25" eb="26">
      <t>ハン</t>
    </rPh>
    <phoneticPr fontId="2"/>
  </si>
  <si>
    <t>環境マネジメントシステム事務局（環境課）</t>
    <rPh sb="0" eb="2">
      <t>カンキョウ</t>
    </rPh>
    <rPh sb="12" eb="15">
      <t>ジムキョク</t>
    </rPh>
    <rPh sb="16" eb="18">
      <t>カンキョウ</t>
    </rPh>
    <rPh sb="18" eb="19">
      <t>カ</t>
    </rPh>
    <phoneticPr fontId="2"/>
  </si>
  <si>
    <t>□機器ごと（又は冷媒系統
　ごと）に記録簿を作成し
　修理業者等に開示できる
　状態になっているか
□点検･修理等を記録した
　か
□廃棄後３年経過するまで
　保存されているか</t>
    <rPh sb="1" eb="3">
      <t>キキ</t>
    </rPh>
    <rPh sb="6" eb="7">
      <t>マタ</t>
    </rPh>
    <rPh sb="8" eb="10">
      <t>レイバイ</t>
    </rPh>
    <rPh sb="10" eb="12">
      <t>ケイトウ</t>
    </rPh>
    <rPh sb="18" eb="20">
      <t>キロク</t>
    </rPh>
    <rPh sb="20" eb="21">
      <t>ボ</t>
    </rPh>
    <rPh sb="22" eb="24">
      <t>サクセイ</t>
    </rPh>
    <rPh sb="27" eb="29">
      <t>シュウリ</t>
    </rPh>
    <rPh sb="29" eb="31">
      <t>ギョウシャ</t>
    </rPh>
    <rPh sb="31" eb="32">
      <t>トウ</t>
    </rPh>
    <rPh sb="33" eb="35">
      <t>カイジ</t>
    </rPh>
    <rPh sb="40" eb="42">
      <t>ジョウタイ</t>
    </rPh>
    <rPh sb="51" eb="53">
      <t>テンケン</t>
    </rPh>
    <rPh sb="54" eb="56">
      <t>シュウリ</t>
    </rPh>
    <rPh sb="56" eb="57">
      <t>トウ</t>
    </rPh>
    <rPh sb="58" eb="60">
      <t>キロク</t>
    </rPh>
    <rPh sb="69" eb="70">
      <t>ゴ</t>
    </rPh>
    <rPh sb="71" eb="72">
      <t>ネン</t>
    </rPh>
    <rPh sb="72" eb="74">
      <t>ケイカ</t>
    </rPh>
    <phoneticPr fontId="2"/>
  </si>
  <si>
    <t>■漏えい量の報告■
・算定漏えい量（★）が年間で1,000t-CO2以上の
　管理者は毎年度所管大臣に報告（知事部局では
　環境課が行う。）
　★充塡証明書、回収証明書を用いて算定する
　　（ただし、設置時の充塡量は除く）
　★知事部局の各所属は、回収・充塡量を環境課
　に報告する（環境課が集計するため）。</t>
    <rPh sb="1" eb="2">
      <t>ロウ</t>
    </rPh>
    <rPh sb="4" eb="5">
      <t>リョウ</t>
    </rPh>
    <rPh sb="6" eb="8">
      <t>ホウコク</t>
    </rPh>
    <rPh sb="11" eb="13">
      <t>サンテイ</t>
    </rPh>
    <rPh sb="13" eb="14">
      <t>ロウ</t>
    </rPh>
    <rPh sb="16" eb="17">
      <t>リョウ</t>
    </rPh>
    <rPh sb="21" eb="23">
      <t>ネンカン</t>
    </rPh>
    <rPh sb="34" eb="36">
      <t>イジョウ</t>
    </rPh>
    <rPh sb="39" eb="42">
      <t>カンリシャ</t>
    </rPh>
    <rPh sb="43" eb="46">
      <t>マイネンド</t>
    </rPh>
    <rPh sb="46" eb="48">
      <t>ショカン</t>
    </rPh>
    <rPh sb="48" eb="50">
      <t>ダイジン</t>
    </rPh>
    <rPh sb="51" eb="53">
      <t>ホウコク</t>
    </rPh>
    <rPh sb="54" eb="56">
      <t>チジ</t>
    </rPh>
    <rPh sb="56" eb="58">
      <t>ブキョク</t>
    </rPh>
    <rPh sb="62" eb="64">
      <t>カンキョウ</t>
    </rPh>
    <rPh sb="64" eb="65">
      <t>カ</t>
    </rPh>
    <rPh sb="66" eb="67">
      <t>オコナ</t>
    </rPh>
    <rPh sb="73" eb="75">
      <t>ジュウテン</t>
    </rPh>
    <rPh sb="75" eb="78">
      <t>ショウメイショ</t>
    </rPh>
    <rPh sb="79" eb="81">
      <t>カイシュウ</t>
    </rPh>
    <rPh sb="81" eb="84">
      <t>ショウメイショ</t>
    </rPh>
    <rPh sb="85" eb="86">
      <t>モチ</t>
    </rPh>
    <rPh sb="88" eb="90">
      <t>サンテイ</t>
    </rPh>
    <rPh sb="100" eb="102">
      <t>セッチ</t>
    </rPh>
    <rPh sb="102" eb="103">
      <t>ジ</t>
    </rPh>
    <rPh sb="104" eb="106">
      <t>ジュウテン</t>
    </rPh>
    <rPh sb="106" eb="107">
      <t>リョウ</t>
    </rPh>
    <rPh sb="108" eb="109">
      <t>ノゾ</t>
    </rPh>
    <rPh sb="114" eb="116">
      <t>チジ</t>
    </rPh>
    <rPh sb="116" eb="118">
      <t>ブキョク</t>
    </rPh>
    <rPh sb="119" eb="122">
      <t>カクショゾク</t>
    </rPh>
    <rPh sb="129" eb="130">
      <t>リョウ</t>
    </rPh>
    <rPh sb="137" eb="139">
      <t>ホウコク</t>
    </rPh>
    <rPh sb="142" eb="144">
      <t>カンキョウ</t>
    </rPh>
    <rPh sb="144" eb="145">
      <t>カ</t>
    </rPh>
    <rPh sb="146" eb="148">
      <t>シュウケイ</t>
    </rPh>
    <phoneticPr fontId="2"/>
  </si>
  <si>
    <r>
      <t>□回収・充</t>
    </r>
    <r>
      <rPr>
        <sz val="8"/>
        <color theme="1"/>
        <rFont val="ＭＳ 明朝"/>
        <family val="1"/>
        <charset val="128"/>
      </rPr>
      <t>塡時に回収･
  充塡証明書の交付を受
　けたか
□報告担当課（知事部局
　では環境課）に回収・
　充塡量を報告したか。</t>
    </r>
    <rPh sb="1" eb="3">
      <t>カイシュウ</t>
    </rPh>
    <rPh sb="6" eb="7">
      <t>ジ</t>
    </rPh>
    <rPh sb="8" eb="10">
      <t>カイシュウ</t>
    </rPh>
    <rPh sb="14" eb="16">
      <t>ジュウテン</t>
    </rPh>
    <rPh sb="16" eb="19">
      <t>ショウメイショ</t>
    </rPh>
    <rPh sb="20" eb="22">
      <t>コウフ</t>
    </rPh>
    <rPh sb="23" eb="24">
      <t>ウ</t>
    </rPh>
    <rPh sb="31" eb="33">
      <t>ホウコク</t>
    </rPh>
    <rPh sb="33" eb="36">
      <t>タントウカ</t>
    </rPh>
    <rPh sb="37" eb="39">
      <t>チジ</t>
    </rPh>
    <rPh sb="39" eb="41">
      <t>ブキョク</t>
    </rPh>
    <rPh sb="45" eb="47">
      <t>カンキョウ</t>
    </rPh>
    <rPh sb="47" eb="48">
      <t>カ</t>
    </rPh>
    <rPh sb="55" eb="56">
      <t>ミツル</t>
    </rPh>
    <rPh sb="56" eb="57">
      <t>フサガル</t>
    </rPh>
    <rPh sb="57" eb="58">
      <t>リョウ</t>
    </rPh>
    <rPh sb="59" eb="61">
      <t>ホウコク</t>
    </rPh>
    <phoneticPr fontId="2"/>
  </si>
  <si>
    <r>
      <t xml:space="preserve">□30日以内に引取証明書
　の交付を受けたか
</t>
    </r>
    <r>
      <rPr>
        <sz val="7.5"/>
        <color theme="1"/>
        <rFont val="ＭＳ 明朝"/>
        <family val="1"/>
        <charset val="128"/>
      </rPr>
      <t>　→□環境課又は所管Ｃ
　　　への報告を行ったか</t>
    </r>
    <r>
      <rPr>
        <sz val="8"/>
        <color theme="1"/>
        <rFont val="ＭＳ 明朝"/>
        <family val="1"/>
        <charset val="128"/>
      </rPr>
      <t xml:space="preserve">
□引取証明書は３年間
　保存されているか</t>
    </r>
    <rPh sb="3" eb="4">
      <t>ヒ</t>
    </rPh>
    <rPh sb="4" eb="6">
      <t>イナイ</t>
    </rPh>
    <rPh sb="7" eb="9">
      <t>ヒキト</t>
    </rPh>
    <rPh sb="9" eb="12">
      <t>ショウメイショ</t>
    </rPh>
    <rPh sb="15" eb="17">
      <t>コウフ</t>
    </rPh>
    <rPh sb="18" eb="19">
      <t>ウ</t>
    </rPh>
    <rPh sb="26" eb="28">
      <t>カンキョウ</t>
    </rPh>
    <rPh sb="28" eb="29">
      <t>カ</t>
    </rPh>
    <rPh sb="29" eb="30">
      <t>マタ</t>
    </rPh>
    <rPh sb="31" eb="32">
      <t>ショ</t>
    </rPh>
    <rPh sb="32" eb="33">
      <t>カン</t>
    </rPh>
    <rPh sb="49" eb="51">
      <t>ヒキト</t>
    </rPh>
    <rPh sb="51" eb="54">
      <t>ショウメイショ</t>
    </rPh>
    <rPh sb="56" eb="58">
      <t>ネンカン</t>
    </rPh>
    <rPh sb="60" eb="62">
      <t>ホゾン</t>
    </rPh>
    <phoneticPr fontId="2"/>
  </si>
  <si>
    <r>
      <t>（掲示板の要件）
　　 60cm×60cm以上とし、次の表示をする
　 　・産業廃棄物の保管場所であること
　　 ・保管する産業廃棄物の種類</t>
    </r>
    <r>
      <rPr>
        <sz val="8"/>
        <color theme="1"/>
        <rFont val="ＭＳ 明朝"/>
        <family val="1"/>
        <charset val="128"/>
      </rPr>
      <t>（石綿
       含有産業廃棄物、水銀使用製品産
       業廃棄物又は水銀含有ばいじん等
       が含まれる場合には、その旨）
　　 ・保管場所の管理者の名称と連絡先
　　 ・屋外で容器を用いず保管をしてい
      る場合には、最大保管高さ
　　</t>
    </r>
    <rPh sb="71" eb="73">
      <t>セキメン</t>
    </rPh>
    <rPh sb="81" eb="83">
      <t>ガンユウ</t>
    </rPh>
    <rPh sb="83" eb="85">
      <t>サンギョウ</t>
    </rPh>
    <rPh sb="85" eb="88">
      <t>ハイキブツ</t>
    </rPh>
    <rPh sb="89" eb="91">
      <t>スイギン</t>
    </rPh>
    <rPh sb="91" eb="93">
      <t>シヨウ</t>
    </rPh>
    <rPh sb="93" eb="95">
      <t>セイヒン</t>
    </rPh>
    <rPh sb="105" eb="108">
      <t>ハイキブツ</t>
    </rPh>
    <rPh sb="108" eb="109">
      <t>マタ</t>
    </rPh>
    <rPh sb="110" eb="112">
      <t>スイギン</t>
    </rPh>
    <rPh sb="112" eb="114">
      <t>ガンユウ</t>
    </rPh>
    <rPh sb="118" eb="119">
      <t>トウ</t>
    </rPh>
    <rPh sb="128" eb="129">
      <t>フク</t>
    </rPh>
    <rPh sb="132" eb="134">
      <t>バアイ</t>
    </rPh>
    <rPh sb="139" eb="140">
      <t>ムネ</t>
    </rPh>
    <phoneticPr fontId="2"/>
  </si>
  <si>
    <r>
      <t>■書面による契約■
・委託契約は書面により行う
　※委託契約書の記載事項は、Ｒ６の２、Ｋ８の
　　４の２で規定</t>
    </r>
    <r>
      <rPr>
        <sz val="8"/>
        <color theme="1"/>
        <rFont val="ＭＳ 明朝"/>
        <family val="1"/>
        <charset val="128"/>
      </rPr>
      <t>（委託した産業廃棄物に石綿含
　　有産業廃棄物、水銀使用製品産業廃棄物又は
　　水銀含有ばいじん等が含まれる場合は、その
　　旨）
　※会計局の標準契約書に令和５年１月から記載
　　事項を一部追加していますので、注意してく
　　ださい（改訂内容は「環境関連法令実務マ
　　ニュアル（第1.8版）」p50参照）</t>
    </r>
    <rPh sb="1" eb="3">
      <t>ショメン</t>
    </rPh>
    <rPh sb="6" eb="8">
      <t>ケイヤク</t>
    </rPh>
    <rPh sb="11" eb="13">
      <t>イタク</t>
    </rPh>
    <rPh sb="13" eb="15">
      <t>ケイヤク</t>
    </rPh>
    <rPh sb="16" eb="18">
      <t>ショメン</t>
    </rPh>
    <rPh sb="21" eb="22">
      <t>オコナ</t>
    </rPh>
    <rPh sb="26" eb="28">
      <t>イタク</t>
    </rPh>
    <rPh sb="28" eb="30">
      <t>ケイヤク</t>
    </rPh>
    <rPh sb="30" eb="31">
      <t>カ</t>
    </rPh>
    <rPh sb="32" eb="34">
      <t>キサイ</t>
    </rPh>
    <rPh sb="34" eb="36">
      <t>ジコウ</t>
    </rPh>
    <rPh sb="53" eb="55">
      <t>キテイ</t>
    </rPh>
    <rPh sb="56" eb="58">
      <t>イタク</t>
    </rPh>
    <rPh sb="60" eb="62">
      <t>サンギョウ</t>
    </rPh>
    <rPh sb="62" eb="65">
      <t>ハイキブツ</t>
    </rPh>
    <rPh sb="66" eb="68">
      <t>セキメン</t>
    </rPh>
    <rPh sb="73" eb="75">
      <t>サンギョウ</t>
    </rPh>
    <rPh sb="75" eb="78">
      <t>ハイキブツ</t>
    </rPh>
    <rPh sb="79" eb="81">
      <t>スイギン</t>
    </rPh>
    <rPh sb="81" eb="83">
      <t>シヨウ</t>
    </rPh>
    <rPh sb="83" eb="85">
      <t>セイヒン</t>
    </rPh>
    <rPh sb="85" eb="87">
      <t>サンギョウ</t>
    </rPh>
    <rPh sb="87" eb="90">
      <t>ハイキブツ</t>
    </rPh>
    <rPh sb="90" eb="91">
      <t>マタ</t>
    </rPh>
    <rPh sb="95" eb="97">
      <t>スイギン</t>
    </rPh>
    <rPh sb="97" eb="99">
      <t>ガンユウ</t>
    </rPh>
    <rPh sb="103" eb="104">
      <t>トウ</t>
    </rPh>
    <rPh sb="105" eb="106">
      <t>フク</t>
    </rPh>
    <rPh sb="109" eb="111">
      <t>バアイ</t>
    </rPh>
    <rPh sb="118" eb="119">
      <t>ムネ</t>
    </rPh>
    <rPh sb="123" eb="125">
      <t>カイケイ</t>
    </rPh>
    <rPh sb="125" eb="126">
      <t>キョク</t>
    </rPh>
    <rPh sb="127" eb="129">
      <t>ヒョウジュン</t>
    </rPh>
    <rPh sb="129" eb="131">
      <t>ケイヤク</t>
    </rPh>
    <rPh sb="131" eb="132">
      <t>ショ</t>
    </rPh>
    <rPh sb="133" eb="135">
      <t>レイワ</t>
    </rPh>
    <rPh sb="136" eb="137">
      <t>ネン</t>
    </rPh>
    <rPh sb="138" eb="139">
      <t>ガツ</t>
    </rPh>
    <rPh sb="146" eb="148">
      <t>ジコウ</t>
    </rPh>
    <rPh sb="149" eb="151">
      <t>イチブ</t>
    </rPh>
    <rPh sb="151" eb="153">
      <t>ツイカ</t>
    </rPh>
    <rPh sb="173" eb="175">
      <t>カイテイ</t>
    </rPh>
    <rPh sb="175" eb="177">
      <t>ナイヨウ</t>
    </rPh>
    <rPh sb="179" eb="181">
      <t>カンキョウ</t>
    </rPh>
    <rPh sb="181" eb="183">
      <t>カンレン</t>
    </rPh>
    <rPh sb="183" eb="185">
      <t>ホウレイ</t>
    </rPh>
    <rPh sb="185" eb="187">
      <t>ジツム</t>
    </rPh>
    <rPh sb="196" eb="197">
      <t>ダイ</t>
    </rPh>
    <rPh sb="200" eb="201">
      <t>バン</t>
    </rPh>
    <rPh sb="206" eb="208">
      <t>サンショウ</t>
    </rPh>
    <phoneticPr fontId="2"/>
  </si>
  <si>
    <r>
      <t>□高濃度ＰＣＢ廃棄物のうち、変圧器・コンデンサー等は</t>
    </r>
    <r>
      <rPr>
        <sz val="8"/>
        <color theme="1"/>
        <rFont val="ＭＳ 明朝"/>
        <family val="1"/>
        <charset val="128"/>
      </rPr>
      <t>令和4年3月31日、安定器・汚染物等令和5年3月31日（いずれも処分期間終了）までに処分すること。</t>
    </r>
    <rPh sb="1" eb="4">
      <t>コウノウド</t>
    </rPh>
    <rPh sb="7" eb="10">
      <t>ハイキブツ</t>
    </rPh>
    <rPh sb="14" eb="17">
      <t>ヘンアツキ</t>
    </rPh>
    <rPh sb="24" eb="25">
      <t>トウ</t>
    </rPh>
    <rPh sb="26" eb="28">
      <t>レイワ</t>
    </rPh>
    <rPh sb="29" eb="30">
      <t>ネン</t>
    </rPh>
    <rPh sb="31" eb="32">
      <t>ガツ</t>
    </rPh>
    <rPh sb="34" eb="35">
      <t>ニチ</t>
    </rPh>
    <rPh sb="36" eb="39">
      <t>アンテイキ</t>
    </rPh>
    <rPh sb="40" eb="42">
      <t>オセン</t>
    </rPh>
    <rPh sb="42" eb="43">
      <t>ブツ</t>
    </rPh>
    <rPh sb="43" eb="44">
      <t>トウ</t>
    </rPh>
    <rPh sb="44" eb="46">
      <t>レイワ</t>
    </rPh>
    <rPh sb="47" eb="48">
      <t>ネン</t>
    </rPh>
    <rPh sb="49" eb="50">
      <t>ガツ</t>
    </rPh>
    <rPh sb="52" eb="53">
      <t>ニチ</t>
    </rPh>
    <rPh sb="68" eb="70">
      <t>ショブン</t>
    </rPh>
    <phoneticPr fontId="2"/>
  </si>
  <si>
    <t>□高濃度ＰＣＢ使用製品のうち、変圧器・コンデンサー等は令和4年3月31日、安定器・汚染物等は令和5年3月31日（いずれも処分期間終了）までに廃棄すること。</t>
    <rPh sb="1" eb="4">
      <t>コウノウド</t>
    </rPh>
    <rPh sb="7" eb="9">
      <t>シヨウ</t>
    </rPh>
    <rPh sb="9" eb="11">
      <t>セイヒン</t>
    </rPh>
    <rPh sb="15" eb="18">
      <t>ヘンアツキ</t>
    </rPh>
    <rPh sb="25" eb="26">
      <t>トウ</t>
    </rPh>
    <rPh sb="27" eb="29">
      <t>レイワ</t>
    </rPh>
    <rPh sb="30" eb="31">
      <t>ネン</t>
    </rPh>
    <rPh sb="32" eb="33">
      <t>ガツ</t>
    </rPh>
    <rPh sb="35" eb="36">
      <t>ニチ</t>
    </rPh>
    <rPh sb="37" eb="40">
      <t>アンテイキ</t>
    </rPh>
    <rPh sb="41" eb="43">
      <t>オセン</t>
    </rPh>
    <rPh sb="43" eb="44">
      <t>ブツ</t>
    </rPh>
    <rPh sb="44" eb="45">
      <t>トウ</t>
    </rPh>
    <rPh sb="46" eb="48">
      <t>レイワ</t>
    </rPh>
    <rPh sb="49" eb="50">
      <t>ネン</t>
    </rPh>
    <rPh sb="51" eb="52">
      <t>ガツ</t>
    </rPh>
    <rPh sb="54" eb="55">
      <t>ニチ</t>
    </rPh>
    <rPh sb="70" eb="72">
      <t>ハイキ</t>
    </rPh>
    <phoneticPr fontId="2"/>
  </si>
  <si>
    <t>□変圧器・コンデンサーについて、銘板を確認のうえ、メーカー等にＰＣＢが含有している機器等か確認したか。
※メーカーの見解は更新されることがあるため最新の情報で確認すること。</t>
    <rPh sb="1" eb="4">
      <t>ヘンアツキ</t>
    </rPh>
    <rPh sb="58" eb="60">
      <t>ケンカイ</t>
    </rPh>
    <rPh sb="61" eb="63">
      <t>コウシン</t>
    </rPh>
    <rPh sb="73" eb="75">
      <t>サイシン</t>
    </rPh>
    <rPh sb="76" eb="78">
      <t>ジョウホウ</t>
    </rPh>
    <rPh sb="79" eb="81">
      <t>カクニン</t>
    </rPh>
    <phoneticPr fontId="2"/>
  </si>
  <si>
    <t>□低濃度ＰＣＢ機器等について、令和８年度末までに無害化処理認定施設等で処分するよう準備を進めているか。</t>
    <rPh sb="9" eb="10">
      <t>トウ</t>
    </rPh>
    <rPh sb="15" eb="17">
      <t>レイワ</t>
    </rPh>
    <rPh sb="20" eb="21">
      <t>マツ</t>
    </rPh>
    <rPh sb="33" eb="34">
      <t>トウ</t>
    </rPh>
    <rPh sb="35" eb="37">
      <t>ショブン</t>
    </rPh>
    <phoneticPr fontId="2"/>
  </si>
  <si>
    <r>
      <t>■排出の制限■
・基準に適合しない排出ガス、</t>
    </r>
    <r>
      <rPr>
        <sz val="8"/>
        <color theme="1"/>
        <rFont val="ＭＳ 明朝"/>
        <family val="1"/>
        <charset val="128"/>
      </rPr>
      <t>排出水は排出でき
　ない
　※　排出基準は施設の種類、新設･既設の別
　　　などにより異なる</t>
    </r>
    <rPh sb="1" eb="3">
      <t>ハイシュツ</t>
    </rPh>
    <rPh sb="4" eb="6">
      <t>セイゲン</t>
    </rPh>
    <rPh sb="9" eb="11">
      <t>キジュン</t>
    </rPh>
    <rPh sb="12" eb="14">
      <t>テキゴウ</t>
    </rPh>
    <rPh sb="17" eb="19">
      <t>ハイシュツ</t>
    </rPh>
    <rPh sb="22" eb="24">
      <t>ハイシュツ</t>
    </rPh>
    <rPh sb="24" eb="25">
      <t>スイ</t>
    </rPh>
    <rPh sb="26" eb="28">
      <t>ハイシュツ</t>
    </rPh>
    <rPh sb="38" eb="40">
      <t>ハイシュツ</t>
    </rPh>
    <rPh sb="40" eb="42">
      <t>キジュン</t>
    </rPh>
    <rPh sb="43" eb="45">
      <t>シセツ</t>
    </rPh>
    <rPh sb="46" eb="48">
      <t>シュルイ</t>
    </rPh>
    <rPh sb="49" eb="51">
      <t>シンセツ</t>
    </rPh>
    <rPh sb="52" eb="54">
      <t>キセツ</t>
    </rPh>
    <rPh sb="55" eb="56">
      <t>ベツ</t>
    </rPh>
    <rPh sb="65" eb="66">
      <t>コト</t>
    </rPh>
    <phoneticPr fontId="2"/>
  </si>
  <si>
    <t>別添２「第1.9版_標準的チェックリスト」</t>
    <rPh sb="4" eb="5">
      <t>ダイ</t>
    </rPh>
    <rPh sb="8" eb="9">
      <t>ハン</t>
    </rPh>
    <rPh sb="10" eb="13">
      <t>ヒョウジュンテキ</t>
    </rPh>
    <phoneticPr fontId="5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8">
    <font>
      <sz val="12"/>
      <color theme="1"/>
      <name val="ＭＳ 明朝"/>
      <family val="2"/>
      <charset val="128"/>
    </font>
    <font>
      <sz val="9"/>
      <color theme="1"/>
      <name val="ＭＳ 明朝"/>
      <family val="2"/>
      <charset val="128"/>
    </font>
    <font>
      <sz val="6"/>
      <name val="ＭＳ 明朝"/>
      <family val="2"/>
      <charset val="128"/>
    </font>
    <font>
      <sz val="9"/>
      <color theme="1"/>
      <name val="ＭＳ ゴシック"/>
      <family val="3"/>
      <charset val="128"/>
    </font>
    <font>
      <sz val="8"/>
      <color theme="1"/>
      <name val="ＭＳ ゴシック"/>
      <family val="3"/>
      <charset val="128"/>
    </font>
    <font>
      <sz val="10"/>
      <color theme="1"/>
      <name val="ＭＳ ゴシック"/>
      <family val="3"/>
      <charset val="128"/>
    </font>
    <font>
      <sz val="6"/>
      <color theme="1"/>
      <name val="ＭＳ 明朝"/>
      <family val="2"/>
      <charset val="128"/>
    </font>
    <font>
      <sz val="8"/>
      <color theme="1"/>
      <name val="ＭＳ 明朝"/>
      <family val="2"/>
      <charset val="128"/>
    </font>
    <font>
      <sz val="7"/>
      <color theme="1"/>
      <name val="ＭＳ 明朝"/>
      <family val="2"/>
      <charset val="128"/>
    </font>
    <font>
      <sz val="8"/>
      <color theme="1"/>
      <name val="ＭＳ Ｐ明朝"/>
      <family val="1"/>
      <charset val="128"/>
    </font>
    <font>
      <sz val="9"/>
      <color theme="1"/>
      <name val="ＭＳ 明朝"/>
      <family val="1"/>
      <charset val="128"/>
    </font>
    <font>
      <sz val="6"/>
      <color theme="1"/>
      <name val="ＭＳ Ｐ明朝"/>
      <family val="1"/>
      <charset val="128"/>
    </font>
    <font>
      <b/>
      <sz val="10"/>
      <color theme="1"/>
      <name val="ＭＳ ゴシック"/>
      <family val="3"/>
      <charset val="128"/>
    </font>
    <font>
      <sz val="7"/>
      <color theme="1"/>
      <name val="ＭＳ Ｐ明朝"/>
      <family val="1"/>
      <charset val="128"/>
    </font>
    <font>
      <sz val="6"/>
      <color theme="1"/>
      <name val="ＭＳ 明朝"/>
      <family val="1"/>
      <charset val="128"/>
    </font>
    <font>
      <u/>
      <sz val="9"/>
      <color theme="1"/>
      <name val="ＭＳ 明朝"/>
      <family val="1"/>
      <charset val="128"/>
    </font>
    <font>
      <sz val="20"/>
      <color theme="1"/>
      <name val="HG創英角ﾎﾟｯﾌﾟ体"/>
      <family val="3"/>
      <charset val="128"/>
    </font>
    <font>
      <sz val="10"/>
      <color theme="1"/>
      <name val="ＭＳ 明朝"/>
      <family val="2"/>
      <charset val="128"/>
    </font>
    <font>
      <sz val="10"/>
      <color theme="1"/>
      <name val="ＭＳ 明朝"/>
      <family val="1"/>
      <charset val="128"/>
    </font>
    <font>
      <sz val="12"/>
      <color theme="1"/>
      <name val="ＭＳ ゴシック"/>
      <family val="3"/>
      <charset val="128"/>
    </font>
    <font>
      <sz val="11"/>
      <color theme="1"/>
      <name val="ＭＳ Ｐゴシック"/>
      <family val="3"/>
      <charset val="128"/>
    </font>
    <font>
      <sz val="10"/>
      <color theme="1"/>
      <name val="ＭＳ Ｐゴシック"/>
      <family val="3"/>
      <charset val="128"/>
    </font>
    <font>
      <sz val="7"/>
      <color theme="1"/>
      <name val="ＭＳ 明朝"/>
      <family val="1"/>
      <charset val="128"/>
    </font>
    <font>
      <sz val="9"/>
      <color rgb="FF0070C0"/>
      <name val="ＭＳ 明朝"/>
      <family val="2"/>
      <charset val="128"/>
    </font>
    <font>
      <sz val="8"/>
      <name val="ＭＳ 明朝"/>
      <family val="1"/>
      <charset val="128"/>
    </font>
    <font>
      <sz val="8"/>
      <name val="ＭＳ 明朝"/>
      <family val="2"/>
      <charset val="128"/>
    </font>
    <font>
      <sz val="9"/>
      <name val="ＭＳ 明朝"/>
      <family val="1"/>
      <charset val="128"/>
    </font>
    <font>
      <sz val="8"/>
      <color theme="1"/>
      <name val="ＭＳ 明朝"/>
      <family val="1"/>
      <charset val="128"/>
    </font>
    <font>
      <sz val="9"/>
      <color theme="1"/>
      <name val="ＭＳ Ｐゴシック"/>
      <family val="3"/>
      <charset val="128"/>
    </font>
    <font>
      <sz val="9"/>
      <color rgb="FFFF0000"/>
      <name val="ＭＳ 明朝"/>
      <family val="1"/>
      <charset val="128"/>
    </font>
    <font>
      <sz val="9"/>
      <name val="ＭＳ 明朝"/>
      <family val="2"/>
      <charset val="128"/>
    </font>
    <font>
      <sz val="12"/>
      <name val="ＭＳ 明朝"/>
      <family val="1"/>
      <charset val="128"/>
    </font>
    <font>
      <u/>
      <sz val="8"/>
      <name val="ＭＳ 明朝"/>
      <family val="1"/>
      <charset val="128"/>
    </font>
    <font>
      <sz val="9"/>
      <color rgb="FFFF0000"/>
      <name val="ＭＳ 明朝"/>
      <family val="2"/>
      <charset val="128"/>
    </font>
    <font>
      <sz val="7.5"/>
      <color theme="1"/>
      <name val="ＭＳ ゴシック"/>
      <family val="3"/>
      <charset val="128"/>
    </font>
    <font>
      <sz val="7.5"/>
      <color theme="1"/>
      <name val="ＭＳ 明朝"/>
      <family val="2"/>
      <charset val="128"/>
    </font>
    <font>
      <sz val="7.5"/>
      <color theme="1"/>
      <name val="ＭＳ 明朝"/>
      <family val="1"/>
      <charset val="128"/>
    </font>
    <font>
      <sz val="7.55"/>
      <color theme="1"/>
      <name val="ＭＳ 明朝"/>
      <family val="1"/>
      <charset val="128"/>
    </font>
    <font>
      <sz val="6"/>
      <name val="ＭＳ Ｐ明朝"/>
      <family val="1"/>
      <charset val="128"/>
    </font>
    <font>
      <sz val="13"/>
      <name val="ＭＳ ゴシック"/>
      <family val="3"/>
      <charset val="128"/>
    </font>
    <font>
      <sz val="7"/>
      <name val="ＭＳ 明朝"/>
      <family val="2"/>
      <charset val="128"/>
    </font>
    <font>
      <sz val="9"/>
      <name val="ＭＳ ゴシック"/>
      <family val="3"/>
      <charset val="128"/>
    </font>
    <font>
      <b/>
      <sz val="10"/>
      <name val="ＭＳ ゴシック"/>
      <family val="3"/>
      <charset val="128"/>
    </font>
    <font>
      <sz val="10"/>
      <name val="ＭＳ ゴシック"/>
      <family val="3"/>
      <charset val="128"/>
    </font>
    <font>
      <sz val="8"/>
      <name val="ＭＳ Ｐ明朝"/>
      <family val="1"/>
      <charset val="128"/>
    </font>
    <font>
      <sz val="8"/>
      <name val="ＭＳ ゴシック"/>
      <family val="3"/>
      <charset val="128"/>
    </font>
    <font>
      <sz val="7"/>
      <name val="ＭＳ Ｐ明朝"/>
      <family val="1"/>
      <charset val="128"/>
    </font>
    <font>
      <sz val="7"/>
      <name val="ＭＳ 明朝"/>
      <family val="1"/>
      <charset val="128"/>
    </font>
    <font>
      <sz val="10"/>
      <name val="ＭＳ 明朝"/>
      <family val="1"/>
      <charset val="128"/>
    </font>
    <font>
      <sz val="6"/>
      <name val="ＭＳ 明朝"/>
      <family val="1"/>
      <charset val="128"/>
    </font>
    <font>
      <sz val="8"/>
      <color rgb="FFFF0000"/>
      <name val="ＭＳ 明朝"/>
      <family val="2"/>
      <charset val="128"/>
    </font>
    <font>
      <sz val="12"/>
      <name val="ＭＳ 明朝"/>
      <family val="2"/>
      <charset val="128"/>
    </font>
    <font>
      <sz val="6"/>
      <name val="ＭＳ ゴシック"/>
      <family val="3"/>
      <charset val="128"/>
    </font>
    <font>
      <sz val="10.5"/>
      <name val="ＭＳ ゴシック"/>
      <family val="3"/>
      <charset val="128"/>
    </font>
    <font>
      <sz val="6"/>
      <color rgb="FFFF0000"/>
      <name val="ＭＳ Ｐ明朝"/>
      <family val="1"/>
      <charset val="128"/>
    </font>
    <font>
      <sz val="14"/>
      <color theme="1"/>
      <name val="ＭＳ ゴシック"/>
      <family val="3"/>
      <charset val="128"/>
    </font>
    <font>
      <b/>
      <sz val="12"/>
      <color theme="1"/>
      <name val="ＭＳ ゴシック"/>
      <family val="3"/>
      <charset val="128"/>
    </font>
    <font>
      <sz val="10.5"/>
      <color theme="1"/>
      <name val="ＭＳ ゴシック"/>
      <family val="3"/>
      <charset val="128"/>
    </font>
  </fonts>
  <fills count="6">
    <fill>
      <patternFill patternType="none"/>
    </fill>
    <fill>
      <patternFill patternType="gray125"/>
    </fill>
    <fill>
      <patternFill patternType="solid">
        <fgColor theme="0" tint="-0.24994659260841701"/>
        <bgColor indexed="64"/>
      </patternFill>
    </fill>
    <fill>
      <patternFill patternType="solid">
        <fgColor theme="0"/>
        <bgColor indexed="64"/>
      </patternFill>
    </fill>
    <fill>
      <patternFill patternType="solid">
        <fgColor rgb="FFFFFF00"/>
        <bgColor indexed="64"/>
      </patternFill>
    </fill>
    <fill>
      <patternFill patternType="solid">
        <fgColor theme="0" tint="-0.14999847407452621"/>
        <bgColor indexed="64"/>
      </patternFill>
    </fill>
  </fills>
  <borders count="65">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dotted">
        <color auto="1"/>
      </left>
      <right/>
      <top style="dotted">
        <color auto="1"/>
      </top>
      <bottom style="dotted">
        <color auto="1"/>
      </bottom>
      <diagonal/>
    </border>
    <border>
      <left/>
      <right style="dotted">
        <color auto="1"/>
      </right>
      <top style="dotted">
        <color auto="1"/>
      </top>
      <bottom style="dotted">
        <color auto="1"/>
      </bottom>
      <diagonal/>
    </border>
    <border>
      <left style="hair">
        <color auto="1"/>
      </left>
      <right style="hair">
        <color auto="1"/>
      </right>
      <top style="thin">
        <color auto="1"/>
      </top>
      <bottom style="thin">
        <color auto="1"/>
      </bottom>
      <diagonal/>
    </border>
    <border>
      <left style="hair">
        <color auto="1"/>
      </left>
      <right/>
      <top style="thin">
        <color auto="1"/>
      </top>
      <bottom style="thin">
        <color auto="1"/>
      </bottom>
      <diagonal/>
    </border>
    <border>
      <left/>
      <right style="hair">
        <color auto="1"/>
      </right>
      <top style="thin">
        <color auto="1"/>
      </top>
      <bottom style="thin">
        <color auto="1"/>
      </bottom>
      <diagonal/>
    </border>
    <border>
      <left/>
      <right style="hair">
        <color auto="1"/>
      </right>
      <top/>
      <bottom/>
      <diagonal/>
    </border>
    <border>
      <left style="hair">
        <color auto="1"/>
      </left>
      <right/>
      <top/>
      <bottom style="thin">
        <color auto="1"/>
      </bottom>
      <diagonal/>
    </border>
    <border>
      <left/>
      <right style="hair">
        <color auto="1"/>
      </right>
      <top/>
      <bottom style="thin">
        <color auto="1"/>
      </bottom>
      <diagonal/>
    </border>
    <border>
      <left style="thin">
        <color auto="1"/>
      </left>
      <right/>
      <top style="thin">
        <color auto="1"/>
      </top>
      <bottom style="hair">
        <color auto="1"/>
      </bottom>
      <diagonal/>
    </border>
    <border>
      <left/>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top style="thin">
        <color auto="1"/>
      </top>
      <bottom style="hair">
        <color auto="1"/>
      </bottom>
      <diagonal/>
    </border>
    <border>
      <left/>
      <right style="hair">
        <color auto="1"/>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top style="hair">
        <color auto="1"/>
      </top>
      <bottom style="hair">
        <color auto="1"/>
      </bottom>
      <diagonal/>
    </border>
    <border>
      <left/>
      <right style="hair">
        <color auto="1"/>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top style="hair">
        <color auto="1"/>
      </top>
      <bottom style="thin">
        <color auto="1"/>
      </bottom>
      <diagonal/>
    </border>
    <border>
      <left/>
      <right style="hair">
        <color auto="1"/>
      </right>
      <top style="hair">
        <color auto="1"/>
      </top>
      <bottom style="thin">
        <color auto="1"/>
      </bottom>
      <diagonal/>
    </border>
    <border>
      <left/>
      <right style="thin">
        <color auto="1"/>
      </right>
      <top style="hair">
        <color auto="1"/>
      </top>
      <bottom style="thin">
        <color auto="1"/>
      </bottom>
      <diagonal/>
    </border>
    <border>
      <left style="thin">
        <color auto="1"/>
      </left>
      <right/>
      <top/>
      <bottom style="hair">
        <color auto="1"/>
      </bottom>
      <diagonal/>
    </border>
    <border>
      <left/>
      <right style="hair">
        <color auto="1"/>
      </right>
      <top/>
      <bottom style="hair">
        <color auto="1"/>
      </bottom>
      <diagonal/>
    </border>
    <border>
      <left style="hair">
        <color auto="1"/>
      </left>
      <right style="hair">
        <color auto="1"/>
      </right>
      <top/>
      <bottom style="hair">
        <color auto="1"/>
      </bottom>
      <diagonal/>
    </border>
    <border>
      <left style="hair">
        <color auto="1"/>
      </left>
      <right/>
      <top/>
      <bottom style="hair">
        <color auto="1"/>
      </bottom>
      <diagonal/>
    </border>
    <border>
      <left/>
      <right/>
      <top/>
      <bottom style="hair">
        <color auto="1"/>
      </bottom>
      <diagonal/>
    </border>
    <border>
      <left/>
      <right style="thin">
        <color auto="1"/>
      </right>
      <top/>
      <bottom style="hair">
        <color auto="1"/>
      </bottom>
      <diagonal/>
    </border>
    <border>
      <left/>
      <right style="hair">
        <color auto="1"/>
      </right>
      <top style="thin">
        <color auto="1"/>
      </top>
      <bottom/>
      <diagonal/>
    </border>
    <border>
      <left style="thin">
        <color auto="1"/>
      </left>
      <right/>
      <top style="hair">
        <color auto="1"/>
      </top>
      <bottom/>
      <diagonal/>
    </border>
    <border>
      <left/>
      <right style="hair">
        <color auto="1"/>
      </right>
      <top style="hair">
        <color auto="1"/>
      </top>
      <bottom/>
      <diagonal/>
    </border>
    <border>
      <left style="hair">
        <color auto="1"/>
      </left>
      <right/>
      <top style="thin">
        <color auto="1"/>
      </top>
      <bottom/>
      <diagonal/>
    </border>
    <border>
      <left style="hair">
        <color auto="1"/>
      </left>
      <right style="hair">
        <color auto="1"/>
      </right>
      <top/>
      <bottom style="thin">
        <color auto="1"/>
      </bottom>
      <diagonal/>
    </border>
    <border>
      <left style="hair">
        <color auto="1"/>
      </left>
      <right style="hair">
        <color auto="1"/>
      </right>
      <top style="thin">
        <color auto="1"/>
      </top>
      <bottom/>
      <diagonal/>
    </border>
    <border>
      <left style="hair">
        <color auto="1"/>
      </left>
      <right style="hair">
        <color auto="1"/>
      </right>
      <top/>
      <bottom/>
      <diagonal/>
    </border>
    <border>
      <left/>
      <right/>
      <top style="hair">
        <color auto="1"/>
      </top>
      <bottom/>
      <diagonal/>
    </border>
    <border>
      <left style="hair">
        <color auto="1"/>
      </left>
      <right style="hair">
        <color auto="1"/>
      </right>
      <top style="hair">
        <color auto="1"/>
      </top>
      <bottom/>
      <diagonal/>
    </border>
    <border>
      <left style="hair">
        <color auto="1"/>
      </left>
      <right/>
      <top style="hair">
        <color auto="1"/>
      </top>
      <bottom/>
      <diagonal/>
    </border>
    <border>
      <left/>
      <right style="thin">
        <color auto="1"/>
      </right>
      <top style="hair">
        <color auto="1"/>
      </top>
      <bottom/>
      <diagonal/>
    </border>
    <border>
      <left style="hair">
        <color auto="1"/>
      </left>
      <right/>
      <top/>
      <bottom/>
      <diagonal/>
    </border>
    <border>
      <left style="thin">
        <color indexed="64"/>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auto="1"/>
      </right>
      <top style="hair">
        <color auto="1"/>
      </top>
      <bottom style="hair">
        <color auto="1"/>
      </bottom>
      <diagonal/>
    </border>
    <border>
      <left style="hair">
        <color auto="1"/>
      </left>
      <right style="thin">
        <color indexed="64"/>
      </right>
      <top style="hair">
        <color auto="1"/>
      </top>
      <bottom style="hair">
        <color auto="1"/>
      </bottom>
      <diagonal/>
    </border>
    <border>
      <left style="thin">
        <color indexed="64"/>
      </left>
      <right style="hair">
        <color auto="1"/>
      </right>
      <top style="hair">
        <color auto="1"/>
      </top>
      <bottom style="thin">
        <color indexed="64"/>
      </bottom>
      <diagonal/>
    </border>
    <border>
      <left style="hair">
        <color auto="1"/>
      </left>
      <right style="thin">
        <color indexed="64"/>
      </right>
      <top style="hair">
        <color auto="1"/>
      </top>
      <bottom style="thin">
        <color indexed="64"/>
      </bottom>
      <diagonal/>
    </border>
    <border>
      <left style="hair">
        <color auto="1"/>
      </left>
      <right style="thin">
        <color indexed="64"/>
      </right>
      <top style="hair">
        <color auto="1"/>
      </top>
      <bottom/>
      <diagonal/>
    </border>
    <border>
      <left style="thin">
        <color auto="1"/>
      </left>
      <right style="thin">
        <color auto="1"/>
      </right>
      <top style="hair">
        <color auto="1"/>
      </top>
      <bottom style="thin">
        <color auto="1"/>
      </bottom>
      <diagonal/>
    </border>
  </borders>
  <cellStyleXfs count="1">
    <xf numFmtId="0" fontId="0" fillId="0" borderId="0">
      <alignment vertical="center"/>
    </xf>
  </cellStyleXfs>
  <cellXfs count="477">
    <xf numFmtId="0" fontId="0" fillId="0" borderId="0" xfId="0">
      <alignment vertical="center"/>
    </xf>
    <xf numFmtId="0" fontId="1" fillId="0" borderId="0" xfId="0" applyFont="1">
      <alignment vertical="center"/>
    </xf>
    <xf numFmtId="0" fontId="1" fillId="0" borderId="3" xfId="0" applyFont="1" applyBorder="1">
      <alignment vertical="center"/>
    </xf>
    <xf numFmtId="0" fontId="1" fillId="0" borderId="4" xfId="0" applyFont="1" applyBorder="1">
      <alignment vertical="center"/>
    </xf>
    <xf numFmtId="0" fontId="1" fillId="0" borderId="2" xfId="0" applyFont="1" applyBorder="1">
      <alignment vertical="center"/>
    </xf>
    <xf numFmtId="0" fontId="3" fillId="2" borderId="1" xfId="0" applyFont="1" applyFill="1" applyBorder="1">
      <alignment vertical="center"/>
    </xf>
    <xf numFmtId="0" fontId="6" fillId="0" borderId="0" xfId="0" applyFont="1">
      <alignment vertical="center"/>
    </xf>
    <xf numFmtId="0" fontId="7" fillId="0" borderId="0" xfId="0" applyFont="1">
      <alignment vertical="center"/>
    </xf>
    <xf numFmtId="0" fontId="9" fillId="0" borderId="0" xfId="0" applyFont="1">
      <alignment vertical="center"/>
    </xf>
    <xf numFmtId="0" fontId="1" fillId="0" borderId="21" xfId="0" applyFont="1" applyBorder="1" applyAlignment="1">
      <alignment horizontal="center" vertical="center"/>
    </xf>
    <xf numFmtId="0" fontId="4" fillId="2" borderId="15"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2" xfId="0" applyFont="1" applyFill="1" applyBorder="1" applyAlignment="1">
      <alignment horizontal="center" vertical="center"/>
    </xf>
    <xf numFmtId="0" fontId="12" fillId="0" borderId="0" xfId="0" applyFont="1">
      <alignment vertical="center"/>
    </xf>
    <xf numFmtId="0" fontId="1" fillId="0" borderId="33" xfId="0" applyFont="1" applyBorder="1" applyAlignment="1">
      <alignment horizontal="center" vertical="center"/>
    </xf>
    <xf numFmtId="0" fontId="3" fillId="2" borderId="2" xfId="0" applyFont="1" applyFill="1" applyBorder="1">
      <alignment vertical="center"/>
    </xf>
    <xf numFmtId="0" fontId="11" fillId="0" borderId="28" xfId="0" applyFont="1" applyBorder="1" applyAlignment="1">
      <alignment horizontal="center" vertical="center" wrapText="1"/>
    </xf>
    <xf numFmtId="0" fontId="11" fillId="0" borderId="35" xfId="0" applyFont="1" applyBorder="1" applyAlignment="1">
      <alignment horizontal="center" vertical="center" wrapText="1"/>
    </xf>
    <xf numFmtId="0" fontId="7" fillId="0" borderId="23"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5" xfId="0" applyFont="1" applyBorder="1" applyAlignment="1">
      <alignment horizontal="center" vertical="center" wrapText="1"/>
    </xf>
    <xf numFmtId="0" fontId="7" fillId="0" borderId="41" xfId="0" applyFont="1" applyBorder="1" applyAlignment="1">
      <alignment horizontal="center" vertical="center" wrapText="1"/>
    </xf>
    <xf numFmtId="0" fontId="11" fillId="0" borderId="43" xfId="0" applyFont="1" applyBorder="1" applyAlignment="1">
      <alignment horizontal="center" vertical="center" wrapText="1"/>
    </xf>
    <xf numFmtId="0" fontId="6" fillId="0" borderId="0" xfId="0" applyFont="1" applyAlignment="1">
      <alignment vertical="top"/>
    </xf>
    <xf numFmtId="0" fontId="13" fillId="0" borderId="43" xfId="0" applyFont="1" applyBorder="1" applyAlignment="1">
      <alignment horizontal="center" vertical="center" wrapText="1"/>
    </xf>
    <xf numFmtId="0" fontId="11" fillId="0" borderId="22" xfId="0" applyFont="1" applyBorder="1" applyAlignment="1">
      <alignment horizontal="center" vertical="center" wrapText="1"/>
    </xf>
    <xf numFmtId="0" fontId="7" fillId="0" borderId="49" xfId="0" applyFont="1" applyBorder="1" applyAlignment="1">
      <alignment horizontal="center" vertical="center" wrapText="1"/>
    </xf>
    <xf numFmtId="0" fontId="11" fillId="0" borderId="49" xfId="0" applyFont="1" applyBorder="1" applyAlignment="1">
      <alignment horizontal="center" vertical="center" wrapText="1"/>
    </xf>
    <xf numFmtId="0" fontId="11" fillId="0" borderId="29" xfId="0" applyFont="1" applyBorder="1" applyAlignment="1">
      <alignment horizontal="center" vertical="center" wrapText="1"/>
    </xf>
    <xf numFmtId="0" fontId="7" fillId="0" borderId="50" xfId="0" applyFont="1" applyBorder="1" applyAlignment="1">
      <alignment horizontal="center" vertical="center" wrapText="1"/>
    </xf>
    <xf numFmtId="0" fontId="18" fillId="0" borderId="0" xfId="0" applyFont="1">
      <alignment vertical="center"/>
    </xf>
    <xf numFmtId="0" fontId="17" fillId="0" borderId="0" xfId="0" applyFont="1" applyAlignment="1">
      <alignment horizontal="center" vertical="top"/>
    </xf>
    <xf numFmtId="0" fontId="18" fillId="0" borderId="0" xfId="0" applyFont="1" applyAlignment="1">
      <alignment horizontal="left" vertical="top" wrapText="1"/>
    </xf>
    <xf numFmtId="0" fontId="11" fillId="0" borderId="11" xfId="0" applyFont="1" applyBorder="1" applyAlignment="1">
      <alignment horizontal="center" vertical="center" wrapText="1"/>
    </xf>
    <xf numFmtId="0" fontId="0" fillId="0" borderId="8" xfId="0" applyBorder="1">
      <alignment vertical="center"/>
    </xf>
    <xf numFmtId="0" fontId="0" fillId="0" borderId="18" xfId="0" applyBorder="1">
      <alignment vertical="center"/>
    </xf>
    <xf numFmtId="0" fontId="7" fillId="0" borderId="51" xfId="0" applyFont="1" applyBorder="1" applyAlignment="1">
      <alignment horizontal="center" vertical="center" wrapText="1"/>
    </xf>
    <xf numFmtId="0" fontId="23" fillId="0" borderId="0" xfId="0" applyFont="1" applyAlignment="1">
      <alignment vertical="top"/>
    </xf>
    <xf numFmtId="0" fontId="1" fillId="0" borderId="0" xfId="0" applyFont="1" applyAlignment="1">
      <alignment horizontal="right" vertical="center"/>
    </xf>
    <xf numFmtId="0" fontId="17" fillId="0" borderId="0" xfId="0" applyFont="1">
      <alignment vertical="center"/>
    </xf>
    <xf numFmtId="0" fontId="17" fillId="0" borderId="0" xfId="0" applyFont="1" applyAlignment="1">
      <alignment horizontal="right" vertical="center"/>
    </xf>
    <xf numFmtId="0" fontId="3" fillId="0" borderId="0" xfId="0" applyFont="1" applyAlignment="1">
      <alignment horizontal="right" vertical="center"/>
    </xf>
    <xf numFmtId="0" fontId="17" fillId="0" borderId="0" xfId="0" applyFont="1" applyAlignment="1">
      <alignment horizontal="right" vertical="center" wrapText="1"/>
    </xf>
    <xf numFmtId="0" fontId="11" fillId="0" borderId="52" xfId="0" applyFont="1" applyBorder="1" applyAlignment="1">
      <alignment horizontal="center" vertical="center" wrapText="1"/>
    </xf>
    <xf numFmtId="0" fontId="1" fillId="0" borderId="9" xfId="0" applyFont="1" applyBorder="1">
      <alignment vertical="center"/>
    </xf>
    <xf numFmtId="0" fontId="20" fillId="0" borderId="5" xfId="0" applyFont="1" applyBorder="1" applyAlignment="1">
      <alignment horizontal="left" vertical="center" wrapText="1"/>
    </xf>
    <xf numFmtId="0" fontId="20" fillId="0" borderId="6" xfId="0" applyFont="1" applyBorder="1" applyAlignment="1">
      <alignment horizontal="left" vertical="center" wrapText="1"/>
    </xf>
    <xf numFmtId="0" fontId="18" fillId="0" borderId="6" xfId="0" applyFont="1" applyBorder="1" applyAlignment="1">
      <alignment horizontal="left" vertical="top" wrapText="1"/>
    </xf>
    <xf numFmtId="0" fontId="18" fillId="0" borderId="7" xfId="0" applyFont="1" applyBorder="1" applyAlignment="1">
      <alignment horizontal="left" vertical="top" wrapText="1"/>
    </xf>
    <xf numFmtId="0" fontId="28" fillId="0" borderId="8" xfId="0" applyFont="1" applyBorder="1" applyAlignment="1">
      <alignment horizontal="right" vertical="top"/>
    </xf>
    <xf numFmtId="0" fontId="28" fillId="0" borderId="10" xfId="0" applyFont="1" applyBorder="1" applyAlignment="1">
      <alignment horizontal="right" vertical="top"/>
    </xf>
    <xf numFmtId="0" fontId="25" fillId="0" borderId="29" xfId="0" applyFont="1" applyBorder="1" applyAlignment="1">
      <alignment horizontal="center" vertical="center" wrapText="1"/>
    </xf>
    <xf numFmtId="0" fontId="33" fillId="0" borderId="0" xfId="0" applyFont="1">
      <alignment vertical="center"/>
    </xf>
    <xf numFmtId="0" fontId="27" fillId="0" borderId="29" xfId="0" applyFont="1" applyBorder="1" applyAlignment="1">
      <alignment horizontal="center" vertical="center" wrapText="1"/>
    </xf>
    <xf numFmtId="0" fontId="27" fillId="0" borderId="41" xfId="0" applyFont="1" applyBorder="1" applyAlignment="1">
      <alignment horizontal="center" vertical="center" wrapText="1"/>
    </xf>
    <xf numFmtId="0" fontId="30" fillId="0" borderId="0" xfId="0" applyFont="1">
      <alignment vertical="center"/>
    </xf>
    <xf numFmtId="0" fontId="25" fillId="0" borderId="0" xfId="0" applyFont="1">
      <alignment vertical="center"/>
    </xf>
    <xf numFmtId="0" fontId="41" fillId="2" borderId="2" xfId="0" applyFont="1" applyFill="1" applyBorder="1">
      <alignment vertical="center"/>
    </xf>
    <xf numFmtId="0" fontId="30" fillId="0" borderId="2" xfId="0" applyFont="1" applyBorder="1">
      <alignment vertical="center"/>
    </xf>
    <xf numFmtId="0" fontId="30" fillId="0" borderId="3" xfId="0" applyFont="1" applyBorder="1">
      <alignment vertical="center"/>
    </xf>
    <xf numFmtId="0" fontId="30" fillId="0" borderId="4" xfId="0" applyFont="1" applyBorder="1">
      <alignment vertical="center"/>
    </xf>
    <xf numFmtId="0" fontId="41" fillId="2" borderId="1" xfId="0" applyFont="1" applyFill="1" applyBorder="1">
      <alignment vertical="center"/>
    </xf>
    <xf numFmtId="0" fontId="42" fillId="0" borderId="0" xfId="0" applyFont="1">
      <alignment vertical="center"/>
    </xf>
    <xf numFmtId="0" fontId="44" fillId="0" borderId="0" xfId="0" applyFont="1">
      <alignment vertical="center"/>
    </xf>
    <xf numFmtId="0" fontId="45" fillId="2" borderId="15" xfId="0" applyFont="1" applyFill="1" applyBorder="1" applyAlignment="1">
      <alignment horizontal="center" vertical="center"/>
    </xf>
    <xf numFmtId="0" fontId="45" fillId="2" borderId="3" xfId="0" applyFont="1" applyFill="1" applyBorder="1" applyAlignment="1">
      <alignment horizontal="center" vertical="center"/>
    </xf>
    <xf numFmtId="0" fontId="25" fillId="0" borderId="23" xfId="0" applyFont="1" applyBorder="1" applyAlignment="1">
      <alignment horizontal="center" vertical="center" wrapText="1"/>
    </xf>
    <xf numFmtId="0" fontId="24" fillId="0" borderId="29" xfId="0" applyFont="1" applyBorder="1" applyAlignment="1">
      <alignment horizontal="center" vertical="center" wrapText="1"/>
    </xf>
    <xf numFmtId="0" fontId="38" fillId="0" borderId="28" xfId="0" applyFont="1" applyBorder="1" applyAlignment="1">
      <alignment horizontal="center" vertical="center" wrapText="1"/>
    </xf>
    <xf numFmtId="0" fontId="38" fillId="0" borderId="53" xfId="0" applyFont="1" applyBorder="1" applyAlignment="1">
      <alignment horizontal="center" vertical="center" wrapText="1"/>
    </xf>
    <xf numFmtId="0" fontId="38" fillId="0" borderId="29" xfId="0" applyFont="1" applyBorder="1" applyAlignment="1">
      <alignment horizontal="center" vertical="center" wrapText="1"/>
    </xf>
    <xf numFmtId="0" fontId="2" fillId="0" borderId="0" xfId="0" applyFont="1" applyAlignment="1">
      <alignment vertical="top"/>
    </xf>
    <xf numFmtId="0" fontId="2" fillId="0" borderId="0" xfId="0" applyFont="1">
      <alignment vertical="center"/>
    </xf>
    <xf numFmtId="0" fontId="45" fillId="2" borderId="2" xfId="0" applyFont="1" applyFill="1" applyBorder="1" applyAlignment="1">
      <alignment horizontal="center" vertical="center"/>
    </xf>
    <xf numFmtId="0" fontId="30" fillId="0" borderId="21" xfId="0" applyFont="1" applyBorder="1" applyAlignment="1">
      <alignment horizontal="center" vertical="center"/>
    </xf>
    <xf numFmtId="0" fontId="30" fillId="0" borderId="33" xfId="0" applyFont="1" applyBorder="1" applyAlignment="1">
      <alignment horizontal="center" vertical="center"/>
    </xf>
    <xf numFmtId="0" fontId="27" fillId="0" borderId="35" xfId="0" applyFont="1" applyBorder="1" applyAlignment="1">
      <alignment horizontal="center" vertical="center" wrapText="1"/>
    </xf>
    <xf numFmtId="0" fontId="7" fillId="0" borderId="30" xfId="0" applyFont="1" applyBorder="1" applyAlignment="1">
      <alignment horizontal="left" vertical="center" wrapText="1"/>
    </xf>
    <xf numFmtId="0" fontId="7" fillId="0" borderId="32" xfId="0" applyFont="1" applyBorder="1" applyAlignment="1">
      <alignment horizontal="left" vertical="center" wrapText="1"/>
    </xf>
    <xf numFmtId="0" fontId="27" fillId="0" borderId="8" xfId="0" applyFont="1" applyBorder="1" applyAlignment="1">
      <alignment horizontal="center" vertical="center" wrapText="1"/>
    </xf>
    <xf numFmtId="0" fontId="27" fillId="0" borderId="18" xfId="0" applyFont="1" applyBorder="1" applyAlignment="1">
      <alignment horizontal="center" vertical="center" wrapText="1"/>
    </xf>
    <xf numFmtId="0" fontId="1" fillId="0" borderId="0" xfId="0" applyFont="1" applyAlignment="1">
      <alignment horizontal="center" vertical="center"/>
    </xf>
    <xf numFmtId="0" fontId="1" fillId="0" borderId="0" xfId="0" applyFont="1" applyAlignment="1">
      <alignment horizontal="left" vertical="center"/>
    </xf>
    <xf numFmtId="0" fontId="25" fillId="3" borderId="29" xfId="0" applyFont="1" applyFill="1" applyBorder="1" applyAlignment="1">
      <alignment horizontal="center" vertical="center" wrapText="1"/>
    </xf>
    <xf numFmtId="0" fontId="28" fillId="0" borderId="0" xfId="0" applyFont="1" applyAlignment="1">
      <alignment horizontal="left" vertical="top" wrapText="1"/>
    </xf>
    <xf numFmtId="0" fontId="24" fillId="0" borderId="35" xfId="0" applyFont="1" applyBorder="1" applyAlignment="1">
      <alignment horizontal="center" vertical="center" wrapText="1"/>
    </xf>
    <xf numFmtId="0" fontId="28" fillId="0" borderId="0" xfId="0" applyFont="1" applyAlignment="1">
      <alignment horizontal="right" vertical="top"/>
    </xf>
    <xf numFmtId="0" fontId="4" fillId="2" borderId="50" xfId="0" applyFont="1" applyFill="1" applyBorder="1" applyAlignment="1">
      <alignment horizontal="center" vertical="center"/>
    </xf>
    <xf numFmtId="0" fontId="4" fillId="2" borderId="6" xfId="0" applyFont="1" applyFill="1" applyBorder="1" applyAlignment="1">
      <alignment horizontal="center" vertical="center"/>
    </xf>
    <xf numFmtId="0" fontId="13" fillId="0" borderId="29" xfId="0" applyFont="1" applyBorder="1" applyAlignment="1">
      <alignment horizontal="center" vertical="center" wrapText="1"/>
    </xf>
    <xf numFmtId="0" fontId="7" fillId="0" borderId="29" xfId="0" applyFont="1" applyBorder="1" applyAlignment="1">
      <alignment horizontal="left" vertical="center" wrapText="1"/>
    </xf>
    <xf numFmtId="0" fontId="11" fillId="0" borderId="23" xfId="0" applyFont="1" applyBorder="1" applyAlignment="1">
      <alignment horizontal="center" vertical="center" wrapText="1"/>
    </xf>
    <xf numFmtId="0" fontId="7" fillId="0" borderId="59" xfId="0" applyFont="1" applyBorder="1" applyAlignment="1">
      <alignment horizontal="center" vertical="center" wrapText="1"/>
    </xf>
    <xf numFmtId="0" fontId="7" fillId="0" borderId="60" xfId="0" applyFont="1" applyBorder="1" applyAlignment="1">
      <alignment horizontal="left" vertical="center" wrapText="1"/>
    </xf>
    <xf numFmtId="0" fontId="45" fillId="0" borderId="29" xfId="0" applyFont="1" applyBorder="1" applyAlignment="1">
      <alignment horizontal="center" vertical="center" wrapText="1"/>
    </xf>
    <xf numFmtId="0" fontId="13" fillId="0" borderId="23" xfId="0" applyFont="1" applyBorder="1" applyAlignment="1">
      <alignment horizontal="center" vertical="center" wrapText="1"/>
    </xf>
    <xf numFmtId="0" fontId="31" fillId="0" borderId="29" xfId="0" applyFont="1" applyBorder="1" applyAlignment="1">
      <alignment horizontal="left" vertical="center" wrapText="1"/>
    </xf>
    <xf numFmtId="0" fontId="0" fillId="0" borderId="29" xfId="0" applyBorder="1" applyAlignment="1">
      <alignment horizontal="left" vertical="center" wrapText="1"/>
    </xf>
    <xf numFmtId="0" fontId="45" fillId="2" borderId="50" xfId="0" applyFont="1" applyFill="1" applyBorder="1" applyAlignment="1">
      <alignment horizontal="center" vertical="center"/>
    </xf>
    <xf numFmtId="0" fontId="45" fillId="2" borderId="6" xfId="0" applyFont="1" applyFill="1" applyBorder="1" applyAlignment="1">
      <alignment horizontal="center" vertical="center"/>
    </xf>
    <xf numFmtId="0" fontId="25" fillId="0" borderId="11" xfId="0" applyFont="1" applyBorder="1" applyAlignment="1">
      <alignment horizontal="center" vertical="center" wrapText="1"/>
    </xf>
    <xf numFmtId="0" fontId="25" fillId="0" borderId="11" xfId="0" applyFont="1" applyBorder="1" applyAlignment="1">
      <alignment horizontal="left" vertical="center" wrapText="1"/>
    </xf>
    <xf numFmtId="0" fontId="38" fillId="0" borderId="11" xfId="0" applyFont="1" applyBorder="1" applyAlignment="1">
      <alignment horizontal="center" vertical="center" wrapText="1"/>
    </xf>
    <xf numFmtId="0" fontId="46" fillId="0" borderId="29" xfId="0" applyFont="1" applyBorder="1" applyAlignment="1">
      <alignment horizontal="center" vertical="center" wrapText="1"/>
    </xf>
    <xf numFmtId="0" fontId="38" fillId="0" borderId="23" xfId="0" applyFont="1" applyBorder="1" applyAlignment="1">
      <alignment horizontal="center" vertical="center" wrapText="1"/>
    </xf>
    <xf numFmtId="0" fontId="38" fillId="0" borderId="35" xfId="0" applyFont="1" applyBorder="1" applyAlignment="1">
      <alignment horizontal="center" vertical="center" wrapText="1"/>
    </xf>
    <xf numFmtId="0" fontId="1" fillId="4" borderId="0" xfId="0" applyFont="1" applyFill="1">
      <alignment vertical="center"/>
    </xf>
    <xf numFmtId="0" fontId="30" fillId="0" borderId="36" xfId="0" applyFont="1" applyBorder="1" applyAlignment="1">
      <alignment horizontal="left" vertical="center"/>
    </xf>
    <xf numFmtId="0" fontId="30" fillId="0" borderId="37" xfId="0" applyFont="1" applyBorder="1" applyAlignment="1">
      <alignment horizontal="left" vertical="center"/>
    </xf>
    <xf numFmtId="0" fontId="30" fillId="0" borderId="34" xfId="0" applyFont="1" applyBorder="1" applyAlignment="1">
      <alignment horizontal="left" vertical="center"/>
    </xf>
    <xf numFmtId="0" fontId="30" fillId="0" borderId="24" xfId="0" applyFont="1" applyBorder="1" applyAlignment="1">
      <alignment horizontal="left" vertical="center"/>
    </xf>
    <xf numFmtId="0" fontId="30" fillId="0" borderId="25" xfId="0" applyFont="1" applyBorder="1" applyAlignment="1">
      <alignment horizontal="left" vertical="center"/>
    </xf>
    <xf numFmtId="0" fontId="30" fillId="0" borderId="22" xfId="0" applyFont="1" applyBorder="1" applyAlignment="1">
      <alignment horizontal="left" vertical="center"/>
    </xf>
    <xf numFmtId="0" fontId="50" fillId="0" borderId="0" xfId="0" applyFont="1">
      <alignment vertical="center"/>
    </xf>
    <xf numFmtId="0" fontId="24" fillId="0" borderId="53" xfId="0" applyFont="1" applyBorder="1" applyAlignment="1">
      <alignment horizontal="center" vertical="center" wrapText="1"/>
    </xf>
    <xf numFmtId="0" fontId="7" fillId="0" borderId="53" xfId="0" applyFont="1" applyBorder="1" applyAlignment="1">
      <alignment horizontal="center" vertical="center" wrapText="1"/>
    </xf>
    <xf numFmtId="0" fontId="1" fillId="0" borderId="6" xfId="0" applyFont="1" applyBorder="1">
      <alignment vertical="center"/>
    </xf>
    <xf numFmtId="0" fontId="11" fillId="0" borderId="53" xfId="0" applyFont="1" applyBorder="1" applyAlignment="1">
      <alignment horizontal="center" vertical="center" wrapText="1"/>
    </xf>
    <xf numFmtId="0" fontId="0" fillId="0" borderId="0" xfId="0" applyAlignment="1"/>
    <xf numFmtId="0" fontId="42" fillId="5" borderId="1" xfId="0" applyFont="1" applyFill="1" applyBorder="1" applyAlignment="1">
      <alignment horizontal="center" vertical="center"/>
    </xf>
    <xf numFmtId="0" fontId="53" fillId="0" borderId="1" xfId="0" applyFont="1" applyBorder="1" applyAlignment="1">
      <alignment horizontal="left" vertical="center" wrapText="1"/>
    </xf>
    <xf numFmtId="0" fontId="53" fillId="0" borderId="1" xfId="0" applyFont="1" applyBorder="1" applyAlignment="1">
      <alignment vertical="center" wrapText="1"/>
    </xf>
    <xf numFmtId="0" fontId="54" fillId="0" borderId="35" xfId="0" applyFont="1" applyBorder="1" applyAlignment="1">
      <alignment horizontal="center" vertical="center" wrapText="1"/>
    </xf>
    <xf numFmtId="0" fontId="38" fillId="0" borderId="52" xfId="0" applyFont="1" applyBorder="1" applyAlignment="1">
      <alignment horizontal="center" vertical="center" wrapText="1"/>
    </xf>
    <xf numFmtId="0" fontId="44" fillId="0" borderId="3" xfId="0" applyFont="1" applyBorder="1">
      <alignment vertical="center"/>
    </xf>
    <xf numFmtId="0" fontId="38" fillId="0" borderId="22" xfId="0" applyFont="1" applyBorder="1" applyAlignment="1">
      <alignment horizontal="center" vertical="center" wrapText="1"/>
    </xf>
    <xf numFmtId="58" fontId="24" fillId="0" borderId="46" xfId="0" applyNumberFormat="1" applyFont="1" applyBorder="1" applyAlignment="1">
      <alignment horizontal="center" vertical="center"/>
    </xf>
    <xf numFmtId="0" fontId="24" fillId="0" borderId="52" xfId="0" applyFont="1" applyBorder="1" applyAlignment="1">
      <alignment horizontal="center" vertical="center"/>
    </xf>
    <xf numFmtId="0" fontId="24" fillId="0" borderId="46" xfId="0" applyFont="1" applyBorder="1" applyAlignment="1">
      <alignment horizontal="left" vertical="top" wrapText="1"/>
    </xf>
    <xf numFmtId="0" fontId="24" fillId="0" borderId="52" xfId="0" applyFont="1" applyBorder="1" applyAlignment="1">
      <alignment horizontal="left" vertical="top" wrapText="1"/>
    </xf>
    <xf numFmtId="0" fontId="24" fillId="0" borderId="55" xfId="0" applyFont="1" applyBorder="1" applyAlignment="1">
      <alignment horizontal="left" vertical="top" wrapText="1"/>
    </xf>
    <xf numFmtId="58" fontId="24" fillId="0" borderId="27" xfId="0" applyNumberFormat="1" applyFont="1" applyBorder="1" applyAlignment="1">
      <alignment horizontal="center" vertical="center"/>
    </xf>
    <xf numFmtId="0" fontId="24" fillId="0" borderId="28" xfId="0" applyFont="1" applyBorder="1" applyAlignment="1">
      <alignment horizontal="center" vertical="center"/>
    </xf>
    <xf numFmtId="0" fontId="24" fillId="0" borderId="27" xfId="0" applyFont="1" applyBorder="1" applyAlignment="1">
      <alignment horizontal="left" vertical="top" wrapText="1"/>
    </xf>
    <xf numFmtId="0" fontId="24" fillId="0" borderId="28" xfId="0" applyFont="1" applyBorder="1" applyAlignment="1">
      <alignment horizontal="left" vertical="top" wrapText="1"/>
    </xf>
    <xf numFmtId="0" fontId="24" fillId="0" borderId="32" xfId="0" applyFont="1" applyBorder="1" applyAlignment="1">
      <alignment horizontal="left" vertical="top" wrapText="1"/>
    </xf>
    <xf numFmtId="58" fontId="24" fillId="0" borderId="64" xfId="0" applyNumberFormat="1" applyFont="1" applyBorder="1" applyAlignment="1">
      <alignment horizontal="center" vertical="center"/>
    </xf>
    <xf numFmtId="0" fontId="24" fillId="0" borderId="64" xfId="0" applyFont="1" applyBorder="1" applyAlignment="1">
      <alignment horizontal="center" vertical="center"/>
    </xf>
    <xf numFmtId="0" fontId="25" fillId="0" borderId="33" xfId="0" applyFont="1" applyBorder="1" applyAlignment="1">
      <alignment horizontal="left" vertical="top" wrapText="1"/>
    </xf>
    <xf numFmtId="0" fontId="24" fillId="0" borderId="34" xfId="0" applyFont="1" applyBorder="1" applyAlignment="1">
      <alignment horizontal="left" vertical="top"/>
    </xf>
    <xf numFmtId="0" fontId="24" fillId="0" borderId="38" xfId="0" applyFont="1" applyBorder="1" applyAlignment="1">
      <alignment horizontal="left" vertical="top"/>
    </xf>
    <xf numFmtId="58" fontId="27" fillId="0" borderId="27" xfId="0" applyNumberFormat="1" applyFont="1" applyBorder="1" applyAlignment="1">
      <alignment horizontal="center" vertical="center"/>
    </xf>
    <xf numFmtId="0" fontId="27" fillId="0" borderId="28" xfId="0" applyFont="1" applyBorder="1" applyAlignment="1">
      <alignment horizontal="center" vertical="center"/>
    </xf>
    <xf numFmtId="0" fontId="27" fillId="0" borderId="27" xfId="0" applyFont="1" applyBorder="1" applyAlignment="1">
      <alignment horizontal="left" vertical="center" wrapText="1"/>
    </xf>
    <xf numFmtId="0" fontId="27" fillId="0" borderId="28" xfId="0" applyFont="1" applyBorder="1" applyAlignment="1">
      <alignment horizontal="left" vertical="center" wrapText="1"/>
    </xf>
    <xf numFmtId="0" fontId="27" fillId="0" borderId="32" xfId="0" applyFont="1" applyBorder="1" applyAlignment="1">
      <alignment horizontal="left" vertical="center" wrapText="1"/>
    </xf>
    <xf numFmtId="0" fontId="21" fillId="0" borderId="11" xfId="0" applyFont="1" applyBorder="1" applyAlignment="1">
      <alignment horizontal="left" wrapText="1"/>
    </xf>
    <xf numFmtId="0" fontId="20" fillId="0" borderId="0" xfId="0" applyFont="1" applyAlignment="1">
      <alignment horizontal="left" vertical="center" wrapText="1"/>
    </xf>
    <xf numFmtId="0" fontId="28" fillId="0" borderId="11" xfId="0" applyFont="1" applyBorder="1" applyAlignment="1">
      <alignment horizontal="left" vertical="top" wrapText="1"/>
    </xf>
    <xf numFmtId="0" fontId="28" fillId="0" borderId="12" xfId="0" applyFont="1" applyBorder="1" applyAlignment="1">
      <alignment horizontal="left" vertical="top" wrapText="1"/>
    </xf>
    <xf numFmtId="0" fontId="28" fillId="0" borderId="0" xfId="0" applyFont="1" applyAlignment="1">
      <alignment horizontal="left" vertical="top" wrapText="1"/>
    </xf>
    <xf numFmtId="0" fontId="28" fillId="0" borderId="9" xfId="0" applyFont="1" applyBorder="1" applyAlignment="1">
      <alignment horizontal="left" vertical="top" wrapText="1"/>
    </xf>
    <xf numFmtId="0" fontId="19" fillId="0" borderId="0" xfId="0" applyFont="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7" fillId="0" borderId="21" xfId="0" applyFont="1" applyBorder="1" applyAlignment="1">
      <alignment horizontal="left" vertical="center"/>
    </xf>
    <xf numFmtId="0" fontId="27" fillId="0" borderId="22" xfId="0" applyFont="1" applyBorder="1" applyAlignment="1">
      <alignment horizontal="left" vertical="center"/>
    </xf>
    <xf numFmtId="0" fontId="27" fillId="0" borderId="26" xfId="0" applyFont="1" applyBorder="1" applyAlignment="1">
      <alignment horizontal="left" vertical="center"/>
    </xf>
    <xf numFmtId="0" fontId="24" fillId="0" borderId="27" xfId="0" applyFont="1" applyBorder="1" applyAlignment="1">
      <alignment horizontal="left" vertical="center"/>
    </xf>
    <xf numFmtId="0" fontId="24" fillId="0" borderId="28" xfId="0" applyFont="1" applyBorder="1" applyAlignment="1">
      <alignment horizontal="left" vertical="center"/>
    </xf>
    <xf numFmtId="0" fontId="24" fillId="0" borderId="32" xfId="0" applyFont="1" applyBorder="1" applyAlignment="1">
      <alignment horizontal="left" vertical="center"/>
    </xf>
    <xf numFmtId="0" fontId="18" fillId="0" borderId="0" xfId="0" applyFont="1" applyAlignment="1">
      <alignment horizontal="left" vertical="top" wrapText="1"/>
    </xf>
    <xf numFmtId="58" fontId="7" fillId="0" borderId="21" xfId="0" applyNumberFormat="1" applyFont="1" applyBorder="1" applyAlignment="1">
      <alignment horizontal="center" vertical="center"/>
    </xf>
    <xf numFmtId="0" fontId="7" fillId="0" borderId="22" xfId="0" applyFont="1" applyBorder="1" applyAlignment="1">
      <alignment horizontal="center" vertical="center"/>
    </xf>
    <xf numFmtId="58" fontId="24" fillId="0" borderId="39" xfId="0" applyNumberFormat="1" applyFont="1" applyBorder="1" applyAlignment="1">
      <alignment horizontal="center" vertical="center"/>
    </xf>
    <xf numFmtId="0" fontId="24" fillId="0" borderId="43" xfId="0" applyFont="1" applyBorder="1" applyAlignment="1">
      <alignment horizontal="center" vertical="center"/>
    </xf>
    <xf numFmtId="0" fontId="25" fillId="0" borderId="27" xfId="0" applyFont="1" applyBorder="1" applyAlignment="1">
      <alignment horizontal="left" vertical="center"/>
    </xf>
    <xf numFmtId="58" fontId="25" fillId="0" borderId="39" xfId="0" applyNumberFormat="1" applyFont="1" applyBorder="1" applyAlignment="1">
      <alignment horizontal="center" vertical="center"/>
    </xf>
    <xf numFmtId="0" fontId="25" fillId="0" borderId="43" xfId="0" applyFont="1" applyBorder="1" applyAlignment="1">
      <alignment horizontal="center" vertical="center"/>
    </xf>
    <xf numFmtId="0" fontId="7" fillId="0" borderId="23" xfId="0" applyFont="1" applyBorder="1" applyAlignment="1">
      <alignment horizontal="left" vertical="center" wrapText="1"/>
    </xf>
    <xf numFmtId="0" fontId="7" fillId="0" borderId="58" xfId="0" applyFont="1" applyBorder="1" applyAlignment="1">
      <alignment horizontal="left" vertical="center" wrapText="1"/>
    </xf>
    <xf numFmtId="0" fontId="7" fillId="0" borderId="29" xfId="0" applyFont="1" applyBorder="1" applyAlignment="1">
      <alignment horizontal="left" vertical="center" wrapText="1"/>
    </xf>
    <xf numFmtId="0" fontId="7" fillId="0" borderId="60" xfId="0" applyFont="1" applyBorder="1" applyAlignment="1">
      <alignment horizontal="left" vertical="center" wrapText="1"/>
    </xf>
    <xf numFmtId="0" fontId="11" fillId="0" borderId="13" xfId="0" applyFont="1" applyBorder="1" applyAlignment="1">
      <alignment horizontal="center" vertical="center"/>
    </xf>
    <xf numFmtId="0" fontId="11" fillId="0" borderId="14" xfId="0" applyFont="1" applyBorder="1" applyAlignment="1">
      <alignment horizontal="center" vertical="center"/>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0" xfId="0" applyFont="1" applyFill="1" applyAlignment="1">
      <alignment horizontal="center" vertical="center"/>
    </xf>
    <xf numFmtId="0" fontId="5" fillId="2" borderId="9"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2" xfId="0" applyFont="1" applyFill="1" applyBorder="1" applyAlignment="1">
      <alignment horizontal="center" vertical="center"/>
    </xf>
    <xf numFmtId="0" fontId="1" fillId="0" borderId="5" xfId="0" applyFont="1" applyBorder="1" applyAlignment="1">
      <alignment horizontal="left" vertical="center" wrapText="1"/>
    </xf>
    <xf numFmtId="0" fontId="1" fillId="0" borderId="6" xfId="0" applyFont="1" applyBorder="1" applyAlignment="1">
      <alignment horizontal="left" vertical="center" wrapText="1"/>
    </xf>
    <xf numFmtId="0" fontId="1" fillId="0" borderId="7" xfId="0" applyFont="1" applyBorder="1" applyAlignment="1">
      <alignment horizontal="left" vertical="center" wrapText="1"/>
    </xf>
    <xf numFmtId="0" fontId="1" fillId="0" borderId="8" xfId="0" applyFont="1" applyBorder="1" applyAlignment="1">
      <alignment horizontal="left" vertical="center" wrapText="1"/>
    </xf>
    <xf numFmtId="0" fontId="1" fillId="0" borderId="0" xfId="0" applyFont="1" applyAlignment="1">
      <alignment horizontal="left" vertical="center" wrapText="1"/>
    </xf>
    <xf numFmtId="0" fontId="1" fillId="0" borderId="9" xfId="0" applyFont="1" applyBorder="1" applyAlignment="1">
      <alignment horizontal="left" vertical="center" wrapText="1"/>
    </xf>
    <xf numFmtId="0" fontId="1" fillId="0" borderId="10" xfId="0" applyFont="1" applyBorder="1" applyAlignment="1">
      <alignment horizontal="left" vertical="center" wrapText="1"/>
    </xf>
    <xf numFmtId="0" fontId="1" fillId="0" borderId="11" xfId="0" applyFont="1" applyBorder="1" applyAlignment="1">
      <alignment horizontal="left" vertical="center" wrapText="1"/>
    </xf>
    <xf numFmtId="0" fontId="1" fillId="0" borderId="12" xfId="0" applyFont="1" applyBorder="1" applyAlignment="1">
      <alignment horizontal="left" vertical="center" wrapText="1"/>
    </xf>
    <xf numFmtId="0" fontId="4" fillId="2" borderId="5" xfId="0" applyFont="1" applyFill="1" applyBorder="1" applyAlignment="1">
      <alignment horizontal="center" vertical="center"/>
    </xf>
    <xf numFmtId="0" fontId="4" fillId="2" borderId="45" xfId="0" applyFont="1" applyFill="1" applyBorder="1" applyAlignment="1">
      <alignment horizontal="center" vertical="center"/>
    </xf>
    <xf numFmtId="0" fontId="4" fillId="2" borderId="48"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5" fillId="0" borderId="5" xfId="0" applyFont="1" applyBorder="1" applyAlignment="1">
      <alignment horizontal="left" vertical="center" wrapText="1"/>
    </xf>
    <xf numFmtId="0" fontId="0" fillId="0" borderId="6" xfId="0" applyBorder="1" applyAlignment="1">
      <alignment horizontal="left" vertical="center" wrapText="1"/>
    </xf>
    <xf numFmtId="0" fontId="0" fillId="0" borderId="7" xfId="0" applyBorder="1" applyAlignment="1">
      <alignment horizontal="left" vertical="center" wrapText="1"/>
    </xf>
    <xf numFmtId="0" fontId="0" fillId="0" borderId="8" xfId="0" applyBorder="1" applyAlignment="1">
      <alignment horizontal="left" vertical="center" wrapText="1"/>
    </xf>
    <xf numFmtId="0" fontId="0" fillId="0" borderId="0" xfId="0"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0" fillId="0" borderId="11" xfId="0" applyBorder="1" applyAlignment="1">
      <alignment horizontal="left" vertical="center" wrapText="1"/>
    </xf>
    <xf numFmtId="0" fontId="0" fillId="0" borderId="12" xfId="0" applyBorder="1" applyAlignment="1">
      <alignment horizontal="left" vertical="center" wrapText="1"/>
    </xf>
    <xf numFmtId="0" fontId="40" fillId="0" borderId="0" xfId="0" applyFont="1" applyAlignment="1">
      <alignment horizontal="center" wrapText="1"/>
    </xf>
    <xf numFmtId="0" fontId="47" fillId="0" borderId="0" xfId="0" applyFont="1" applyAlignment="1">
      <alignment horizontal="center" wrapText="1"/>
    </xf>
    <xf numFmtId="0" fontId="39" fillId="0" borderId="0" xfId="0" applyFont="1" applyAlignment="1">
      <alignment horizontal="center" vertical="center"/>
    </xf>
    <xf numFmtId="0" fontId="24" fillId="0" borderId="29" xfId="0" applyFont="1" applyBorder="1" applyAlignment="1">
      <alignment horizontal="left" vertical="center" wrapText="1"/>
    </xf>
    <xf numFmtId="0" fontId="7" fillId="0" borderId="59"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57" xfId="0" applyFont="1" applyBorder="1" applyAlignment="1">
      <alignment horizontal="center" vertical="center" wrapText="1"/>
    </xf>
    <xf numFmtId="0" fontId="7" fillId="0" borderId="23" xfId="0" applyFont="1" applyBorder="1" applyAlignment="1">
      <alignment horizontal="center" vertical="center" wrapText="1"/>
    </xf>
    <xf numFmtId="0" fontId="24" fillId="0" borderId="23" xfId="0" applyFont="1" applyBorder="1" applyAlignment="1">
      <alignment horizontal="left" vertical="center" wrapText="1"/>
    </xf>
    <xf numFmtId="0" fontId="7" fillId="0" borderId="27" xfId="0" applyFont="1" applyBorder="1" applyAlignment="1">
      <alignment horizontal="center" vertical="center" wrapText="1"/>
    </xf>
    <xf numFmtId="0" fontId="7" fillId="0" borderId="31"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32" xfId="0" applyFont="1" applyBorder="1" applyAlignment="1">
      <alignment horizontal="center" vertical="center" wrapText="1"/>
    </xf>
    <xf numFmtId="0" fontId="24" fillId="3" borderId="29" xfId="0" applyFont="1" applyFill="1" applyBorder="1" applyAlignment="1">
      <alignment horizontal="left" vertical="center" wrapText="1"/>
    </xf>
    <xf numFmtId="0" fontId="1" fillId="0" borderId="36" xfId="0" applyFont="1" applyBorder="1" applyAlignment="1">
      <alignment horizontal="left" vertical="center"/>
    </xf>
    <xf numFmtId="0" fontId="1" fillId="0" borderId="37" xfId="0" applyFont="1" applyBorder="1" applyAlignment="1">
      <alignment horizontal="left" vertical="center"/>
    </xf>
    <xf numFmtId="0" fontId="1" fillId="0" borderId="34" xfId="0" applyFont="1" applyBorder="1" applyAlignment="1">
      <alignment horizontal="left" vertical="center"/>
    </xf>
    <xf numFmtId="0" fontId="1" fillId="0" borderId="38" xfId="0" applyFont="1" applyBorder="1" applyAlignment="1">
      <alignment horizontal="left" vertical="center"/>
    </xf>
    <xf numFmtId="0" fontId="7" fillId="0" borderId="61" xfId="0" applyFont="1" applyBorder="1" applyAlignment="1">
      <alignment horizontal="center" vertical="center" wrapText="1"/>
    </xf>
    <xf numFmtId="0" fontId="7" fillId="0" borderId="35" xfId="0" applyFont="1" applyBorder="1" applyAlignment="1">
      <alignment horizontal="center" vertical="center" wrapText="1"/>
    </xf>
    <xf numFmtId="0" fontId="7" fillId="0" borderId="35" xfId="0" applyFont="1" applyBorder="1" applyAlignment="1">
      <alignment horizontal="left" vertical="center" wrapText="1"/>
    </xf>
    <xf numFmtId="0" fontId="7" fillId="0" borderId="62" xfId="0" applyFont="1" applyBorder="1" applyAlignment="1">
      <alignment horizontal="left" vertical="center" wrapTex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3" xfId="0" applyFont="1" applyFill="1" applyBorder="1" applyAlignment="1">
      <alignment horizontal="center" vertical="center"/>
    </xf>
    <xf numFmtId="0" fontId="4" fillId="2" borderId="4" xfId="0" applyFont="1" applyFill="1" applyBorder="1" applyAlignment="1">
      <alignment horizontal="center" vertical="center"/>
    </xf>
    <xf numFmtId="0" fontId="1" fillId="0" borderId="24" xfId="0" applyFont="1" applyBorder="1" applyAlignment="1">
      <alignment horizontal="left" vertical="center"/>
    </xf>
    <xf numFmtId="0" fontId="1" fillId="0" borderId="22" xfId="0" applyFont="1" applyBorder="1" applyAlignment="1">
      <alignment horizontal="left" vertical="center"/>
    </xf>
    <xf numFmtId="0" fontId="1" fillId="0" borderId="25" xfId="0" applyFont="1" applyBorder="1" applyAlignment="1">
      <alignment horizontal="left" vertical="center"/>
    </xf>
    <xf numFmtId="0" fontId="1" fillId="0" borderId="26" xfId="0" applyFont="1" applyBorder="1" applyAlignment="1">
      <alignment horizontal="left" vertical="center"/>
    </xf>
    <xf numFmtId="0" fontId="8" fillId="0" borderId="59" xfId="0" applyFont="1" applyBorder="1" applyAlignment="1">
      <alignment horizontal="left" vertical="center" wrapText="1"/>
    </xf>
    <xf numFmtId="0" fontId="22" fillId="0" borderId="29" xfId="0" applyFont="1" applyBorder="1" applyAlignment="1">
      <alignment horizontal="left" vertical="center" wrapText="1"/>
    </xf>
    <xf numFmtId="0" fontId="4" fillId="0" borderId="29" xfId="0" applyFont="1" applyBorder="1" applyAlignment="1">
      <alignment horizontal="left" vertical="center" wrapText="1"/>
    </xf>
    <xf numFmtId="0" fontId="34" fillId="0" borderId="29" xfId="0" applyFont="1" applyBorder="1" applyAlignment="1">
      <alignment horizontal="left" vertical="center" wrapText="1"/>
    </xf>
    <xf numFmtId="0" fontId="6" fillId="0" borderId="59" xfId="0" applyFont="1" applyBorder="1" applyAlignment="1">
      <alignment horizontal="left" vertical="center" wrapText="1"/>
    </xf>
    <xf numFmtId="0" fontId="14" fillId="0" borderId="29" xfId="0" applyFont="1" applyBorder="1" applyAlignment="1">
      <alignment horizontal="left" vertical="center" wrapText="1"/>
    </xf>
    <xf numFmtId="0" fontId="27" fillId="0" borderId="29" xfId="0" applyFont="1" applyBorder="1" applyAlignment="1">
      <alignment horizontal="left" vertical="center" wrapText="1"/>
    </xf>
    <xf numFmtId="0" fontId="35" fillId="0" borderId="29" xfId="0" applyFont="1" applyBorder="1" applyAlignment="1">
      <alignment horizontal="left" vertical="center" wrapText="1"/>
    </xf>
    <xf numFmtId="0" fontId="36" fillId="0" borderId="29" xfId="0" applyFont="1" applyBorder="1" applyAlignment="1">
      <alignment horizontal="left" vertical="center" wrapText="1"/>
    </xf>
    <xf numFmtId="0" fontId="24" fillId="0" borderId="59" xfId="0" applyFont="1" applyBorder="1" applyAlignment="1">
      <alignment horizontal="left" vertical="center" wrapText="1"/>
    </xf>
    <xf numFmtId="0" fontId="24" fillId="0" borderId="59" xfId="0" applyFont="1" applyBorder="1" applyAlignment="1">
      <alignment horizontal="center" vertical="center" wrapText="1"/>
    </xf>
    <xf numFmtId="0" fontId="24" fillId="0" borderId="29" xfId="0" applyFont="1" applyBorder="1" applyAlignment="1">
      <alignment horizontal="center" vertical="center" wrapText="1"/>
    </xf>
    <xf numFmtId="0" fontId="49" fillId="0" borderId="59" xfId="0" applyFont="1" applyBorder="1" applyAlignment="1">
      <alignment horizontal="left" vertical="top" wrapText="1"/>
    </xf>
    <xf numFmtId="0" fontId="49" fillId="0" borderId="29" xfId="0" applyFont="1" applyBorder="1" applyAlignment="1">
      <alignment horizontal="left" vertical="top" wrapText="1"/>
    </xf>
    <xf numFmtId="0" fontId="37" fillId="0" borderId="29" xfId="0" applyFont="1" applyBorder="1" applyAlignment="1">
      <alignment horizontal="left" vertical="center" wrapText="1"/>
    </xf>
    <xf numFmtId="0" fontId="48" fillId="0" borderId="0" xfId="0" applyFont="1" applyAlignment="1">
      <alignment horizontal="left" vertical="center"/>
    </xf>
    <xf numFmtId="0" fontId="50" fillId="0" borderId="35" xfId="0" applyFont="1" applyBorder="1" applyAlignment="1">
      <alignment horizontal="left" vertical="center" wrapText="1"/>
    </xf>
    <xf numFmtId="0" fontId="50" fillId="0" borderId="62" xfId="0" applyFont="1" applyBorder="1" applyAlignment="1">
      <alignment horizontal="left" vertical="center" wrapText="1"/>
    </xf>
    <xf numFmtId="0" fontId="24" fillId="0" borderId="59" xfId="0" applyFont="1" applyBorder="1" applyAlignment="1">
      <alignment horizontal="left" vertical="top" wrapText="1"/>
    </xf>
    <xf numFmtId="0" fontId="24" fillId="0" borderId="29" xfId="0" applyFont="1" applyBorder="1" applyAlignment="1">
      <alignment horizontal="left" vertical="top" wrapText="1"/>
    </xf>
    <xf numFmtId="0" fontId="24" fillId="0" borderId="61" xfId="0" applyFont="1" applyBorder="1" applyAlignment="1">
      <alignment horizontal="left" vertical="top" wrapText="1"/>
    </xf>
    <xf numFmtId="0" fontId="24" fillId="0" borderId="35" xfId="0" applyFont="1" applyBorder="1" applyAlignment="1">
      <alignment horizontal="left" vertical="top" wrapText="1"/>
    </xf>
    <xf numFmtId="0" fontId="24" fillId="0" borderId="35" xfId="0" applyFont="1" applyBorder="1" applyAlignment="1">
      <alignment horizontal="left" vertical="center" wrapText="1"/>
    </xf>
    <xf numFmtId="0" fontId="10" fillId="0" borderId="6" xfId="0" applyFont="1" applyBorder="1" applyAlignment="1">
      <alignment horizontal="left" vertical="center" wrapText="1"/>
    </xf>
    <xf numFmtId="0" fontId="10" fillId="0" borderId="7" xfId="0" applyFont="1" applyBorder="1" applyAlignment="1">
      <alignment horizontal="left" vertical="center" wrapText="1"/>
    </xf>
    <xf numFmtId="0" fontId="10" fillId="0" borderId="8" xfId="0" applyFont="1" applyBorder="1" applyAlignment="1">
      <alignment horizontal="left" vertical="center" wrapText="1"/>
    </xf>
    <xf numFmtId="0" fontId="10" fillId="0" borderId="0" xfId="0" applyFont="1" applyAlignment="1">
      <alignment horizontal="left" vertical="center" wrapText="1"/>
    </xf>
    <xf numFmtId="0" fontId="10" fillId="0" borderId="9" xfId="0" applyFont="1" applyBorder="1" applyAlignment="1">
      <alignment horizontal="left" vertical="center" wrapText="1"/>
    </xf>
    <xf numFmtId="0" fontId="10" fillId="0" borderId="10" xfId="0" applyFont="1" applyBorder="1" applyAlignment="1">
      <alignment horizontal="left" vertical="center" wrapText="1"/>
    </xf>
    <xf numFmtId="0" fontId="10" fillId="0" borderId="11" xfId="0" applyFont="1" applyBorder="1" applyAlignment="1">
      <alignment horizontal="left" vertical="center" wrapText="1"/>
    </xf>
    <xf numFmtId="0" fontId="10" fillId="0" borderId="12" xfId="0" applyFont="1" applyBorder="1" applyAlignment="1">
      <alignment horizontal="left" vertical="center" wrapText="1"/>
    </xf>
    <xf numFmtId="0" fontId="25" fillId="0" borderId="23" xfId="0" applyFont="1" applyBorder="1" applyAlignment="1">
      <alignment horizontal="left" vertical="center" wrapText="1"/>
    </xf>
    <xf numFmtId="0" fontId="25" fillId="0" borderId="29" xfId="0" applyFont="1" applyBorder="1" applyAlignment="1">
      <alignment horizontal="left" vertical="center" wrapText="1"/>
    </xf>
    <xf numFmtId="0" fontId="0" fillId="0" borderId="35" xfId="0" applyBorder="1" applyAlignment="1">
      <alignment horizontal="left" vertical="center" wrapText="1"/>
    </xf>
    <xf numFmtId="0" fontId="30" fillId="0" borderId="24" xfId="0" applyFont="1" applyBorder="1" applyAlignment="1">
      <alignment horizontal="left" vertical="center"/>
    </xf>
    <xf numFmtId="0" fontId="30" fillId="0" borderId="25" xfId="0" applyFont="1" applyBorder="1" applyAlignment="1">
      <alignment horizontal="left" vertical="center"/>
    </xf>
    <xf numFmtId="0" fontId="30" fillId="0" borderId="22" xfId="0" applyFont="1" applyBorder="1" applyAlignment="1">
      <alignment horizontal="left" vertical="center"/>
    </xf>
    <xf numFmtId="0" fontId="30" fillId="0" borderId="26" xfId="0" applyFont="1" applyBorder="1" applyAlignment="1">
      <alignment horizontal="left" vertical="center"/>
    </xf>
    <xf numFmtId="0" fontId="30" fillId="0" borderId="36" xfId="0" applyFont="1" applyBorder="1" applyAlignment="1">
      <alignment horizontal="left" vertical="center"/>
    </xf>
    <xf numFmtId="0" fontId="30" fillId="0" borderId="37" xfId="0" applyFont="1" applyBorder="1" applyAlignment="1">
      <alignment horizontal="left" vertical="center"/>
    </xf>
    <xf numFmtId="0" fontId="30" fillId="0" borderId="34" xfId="0" applyFont="1" applyBorder="1" applyAlignment="1">
      <alignment horizontal="left" vertical="center"/>
    </xf>
    <xf numFmtId="0" fontId="30" fillId="0" borderId="38" xfId="0" applyFont="1" applyBorder="1" applyAlignment="1">
      <alignment horizontal="left" vertical="center"/>
    </xf>
    <xf numFmtId="0" fontId="45" fillId="2" borderId="16" xfId="0" applyFont="1" applyFill="1" applyBorder="1" applyAlignment="1">
      <alignment horizontal="center" vertical="center"/>
    </xf>
    <xf numFmtId="0" fontId="45" fillId="2" borderId="17" xfId="0" applyFont="1" applyFill="1" applyBorder="1" applyAlignment="1">
      <alignment horizontal="center" vertical="center"/>
    </xf>
    <xf numFmtId="0" fontId="45" fillId="2" borderId="3" xfId="0" applyFont="1" applyFill="1" applyBorder="1" applyAlignment="1">
      <alignment horizontal="center" vertical="center"/>
    </xf>
    <xf numFmtId="0" fontId="45" fillId="2" borderId="4" xfId="0" applyFont="1" applyFill="1" applyBorder="1" applyAlignment="1">
      <alignment horizontal="center" vertical="center"/>
    </xf>
    <xf numFmtId="0" fontId="25" fillId="0" borderId="59" xfId="0" applyFont="1" applyBorder="1" applyAlignment="1">
      <alignment horizontal="center" vertical="center" wrapText="1"/>
    </xf>
    <xf numFmtId="0" fontId="25" fillId="0" borderId="29" xfId="0" applyFont="1" applyBorder="1" applyAlignment="1">
      <alignment horizontal="center" vertical="center" wrapText="1"/>
    </xf>
    <xf numFmtId="0" fontId="25" fillId="0" borderId="60" xfId="0" applyFont="1" applyBorder="1" applyAlignment="1">
      <alignment horizontal="left" vertical="center" wrapText="1"/>
    </xf>
    <xf numFmtId="0" fontId="25" fillId="0" borderId="33" xfId="0" applyFont="1" applyBorder="1" applyAlignment="1">
      <alignment horizontal="left" vertical="center" wrapText="1"/>
    </xf>
    <xf numFmtId="0" fontId="25" fillId="0" borderId="34" xfId="0" applyFont="1" applyBorder="1" applyAlignment="1">
      <alignment horizontal="left" vertical="center" wrapText="1"/>
    </xf>
    <xf numFmtId="0" fontId="25" fillId="0" borderId="38" xfId="0" applyFont="1" applyBorder="1" applyAlignment="1">
      <alignment horizontal="left" vertical="center" wrapText="1"/>
    </xf>
    <xf numFmtId="0" fontId="43" fillId="0" borderId="5" xfId="0" applyFont="1" applyBorder="1" applyAlignment="1">
      <alignment horizontal="left" vertical="center" wrapText="1"/>
    </xf>
    <xf numFmtId="0" fontId="51" fillId="0" borderId="6" xfId="0" applyFont="1" applyBorder="1" applyAlignment="1">
      <alignment horizontal="left" vertical="center" wrapText="1"/>
    </xf>
    <xf numFmtId="0" fontId="51" fillId="0" borderId="7" xfId="0" applyFont="1" applyBorder="1" applyAlignment="1">
      <alignment horizontal="left" vertical="center" wrapText="1"/>
    </xf>
    <xf numFmtId="0" fontId="51" fillId="0" borderId="8" xfId="0" applyFont="1" applyBorder="1" applyAlignment="1">
      <alignment horizontal="left" vertical="center" wrapText="1"/>
    </xf>
    <xf numFmtId="0" fontId="51" fillId="0" borderId="0" xfId="0" applyFont="1" applyAlignment="1">
      <alignment horizontal="left" vertical="center" wrapText="1"/>
    </xf>
    <xf numFmtId="0" fontId="51" fillId="0" borderId="9" xfId="0" applyFont="1" applyBorder="1" applyAlignment="1">
      <alignment horizontal="left" vertical="center" wrapText="1"/>
    </xf>
    <xf numFmtId="0" fontId="51" fillId="0" borderId="10" xfId="0" applyFont="1" applyBorder="1" applyAlignment="1">
      <alignment horizontal="left" vertical="center" wrapText="1"/>
    </xf>
    <xf numFmtId="0" fontId="51" fillId="0" borderId="11" xfId="0" applyFont="1" applyBorder="1" applyAlignment="1">
      <alignment horizontal="left" vertical="center" wrapText="1"/>
    </xf>
    <xf numFmtId="0" fontId="51" fillId="0" borderId="12" xfId="0" applyFont="1" applyBorder="1" applyAlignment="1">
      <alignment horizontal="left" vertical="center" wrapText="1"/>
    </xf>
    <xf numFmtId="0" fontId="38" fillId="0" borderId="13" xfId="0" applyFont="1" applyBorder="1" applyAlignment="1">
      <alignment horizontal="center" vertical="center"/>
    </xf>
    <xf numFmtId="0" fontId="38" fillId="0" borderId="14" xfId="0" applyFont="1" applyBorder="1" applyAlignment="1">
      <alignment horizontal="center" vertical="center"/>
    </xf>
    <xf numFmtId="0" fontId="43" fillId="2" borderId="5" xfId="0" applyFont="1" applyFill="1" applyBorder="1" applyAlignment="1">
      <alignment horizontal="center" vertical="center" wrapText="1"/>
    </xf>
    <xf numFmtId="0" fontId="43" fillId="2" borderId="6" xfId="0" applyFont="1" applyFill="1" applyBorder="1" applyAlignment="1">
      <alignment horizontal="center" vertical="center"/>
    </xf>
    <xf numFmtId="0" fontId="43" fillId="2" borderId="7" xfId="0" applyFont="1" applyFill="1" applyBorder="1" applyAlignment="1">
      <alignment horizontal="center" vertical="center"/>
    </xf>
    <xf numFmtId="0" fontId="43" fillId="2" borderId="8" xfId="0" applyFont="1" applyFill="1" applyBorder="1" applyAlignment="1">
      <alignment horizontal="center" vertical="center"/>
    </xf>
    <xf numFmtId="0" fontId="43" fillId="2" borderId="0" xfId="0" applyFont="1" applyFill="1" applyAlignment="1">
      <alignment horizontal="center" vertical="center"/>
    </xf>
    <xf numFmtId="0" fontId="43" fillId="2" borderId="9" xfId="0" applyFont="1" applyFill="1" applyBorder="1" applyAlignment="1">
      <alignment horizontal="center" vertical="center"/>
    </xf>
    <xf numFmtId="0" fontId="43" fillId="2" borderId="10" xfId="0" applyFont="1" applyFill="1" applyBorder="1" applyAlignment="1">
      <alignment horizontal="center" vertical="center"/>
    </xf>
    <xf numFmtId="0" fontId="43" fillId="2" borderId="11" xfId="0" applyFont="1" applyFill="1" applyBorder="1" applyAlignment="1">
      <alignment horizontal="center" vertical="center"/>
    </xf>
    <xf numFmtId="0" fontId="43" fillId="2" borderId="12" xfId="0" applyFont="1" applyFill="1" applyBorder="1" applyAlignment="1">
      <alignment horizontal="center" vertical="center"/>
    </xf>
    <xf numFmtId="0" fontId="30"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 xfId="0" applyFont="1" applyBorder="1" applyAlignment="1">
      <alignment horizontal="left" vertical="center" wrapText="1"/>
    </xf>
    <xf numFmtId="0" fontId="26" fillId="0" borderId="8" xfId="0" applyFont="1" applyBorder="1" applyAlignment="1">
      <alignment horizontal="left" vertical="center" wrapText="1"/>
    </xf>
    <xf numFmtId="0" fontId="26" fillId="0" borderId="0" xfId="0" applyFont="1" applyAlignment="1">
      <alignment horizontal="left" vertical="center" wrapText="1"/>
    </xf>
    <xf numFmtId="0" fontId="26" fillId="0" borderId="9" xfId="0" applyFont="1" applyBorder="1" applyAlignment="1">
      <alignment horizontal="left" vertical="center" wrapText="1"/>
    </xf>
    <xf numFmtId="0" fontId="26" fillId="0" borderId="10" xfId="0" applyFont="1" applyBorder="1" applyAlignment="1">
      <alignment horizontal="left" vertical="center" wrapText="1"/>
    </xf>
    <xf numFmtId="0" fontId="26" fillId="0" borderId="11" xfId="0" applyFont="1" applyBorder="1" applyAlignment="1">
      <alignment horizontal="left" vertical="center" wrapText="1"/>
    </xf>
    <xf numFmtId="0" fontId="26" fillId="0" borderId="12" xfId="0" applyFont="1" applyBorder="1" applyAlignment="1">
      <alignment horizontal="left" vertical="center" wrapText="1"/>
    </xf>
    <xf numFmtId="0" fontId="45" fillId="2" borderId="5" xfId="0" applyFont="1" applyFill="1" applyBorder="1" applyAlignment="1">
      <alignment horizontal="center" vertical="center"/>
    </xf>
    <xf numFmtId="0" fontId="45" fillId="2" borderId="45" xfId="0" applyFont="1" applyFill="1" applyBorder="1" applyAlignment="1">
      <alignment horizontal="center" vertical="center"/>
    </xf>
    <xf numFmtId="0" fontId="45" fillId="2" borderId="48" xfId="0" applyFont="1" applyFill="1" applyBorder="1" applyAlignment="1">
      <alignment horizontal="center" vertical="center"/>
    </xf>
    <xf numFmtId="0" fontId="45" fillId="2" borderId="6" xfId="0" applyFont="1" applyFill="1" applyBorder="1" applyAlignment="1">
      <alignment horizontal="center" vertical="center"/>
    </xf>
    <xf numFmtId="0" fontId="45" fillId="2" borderId="7" xfId="0" applyFont="1" applyFill="1" applyBorder="1" applyAlignment="1">
      <alignment horizontal="center" vertical="center"/>
    </xf>
    <xf numFmtId="0" fontId="25" fillId="0" borderId="57" xfId="0" applyFont="1" applyBorder="1" applyAlignment="1">
      <alignment horizontal="center" vertical="center" wrapText="1"/>
    </xf>
    <xf numFmtId="0" fontId="25" fillId="0" borderId="23" xfId="0" applyFont="1" applyBorder="1" applyAlignment="1">
      <alignment horizontal="center" vertical="center" wrapText="1"/>
    </xf>
    <xf numFmtId="0" fontId="25" fillId="0" borderId="58" xfId="0" applyFont="1" applyBorder="1" applyAlignment="1">
      <alignment horizontal="left" vertical="center" wrapText="1"/>
    </xf>
    <xf numFmtId="0" fontId="27" fillId="0" borderId="29" xfId="0" applyFont="1" applyBorder="1" applyAlignment="1">
      <alignment horizontal="center" vertical="center" wrapText="1"/>
    </xf>
    <xf numFmtId="0" fontId="27" fillId="0" borderId="59" xfId="0" applyFont="1" applyBorder="1" applyAlignment="1">
      <alignment horizontal="center" vertical="center" wrapText="1"/>
    </xf>
    <xf numFmtId="0" fontId="27" fillId="0" borderId="29" xfId="0" applyFont="1" applyBorder="1" applyAlignment="1">
      <alignment horizontal="left" vertical="top" wrapText="1"/>
    </xf>
    <xf numFmtId="0" fontId="27" fillId="0" borderId="35" xfId="0" applyFont="1" applyBorder="1" applyAlignment="1">
      <alignment horizontal="left" vertical="center" wrapText="1"/>
    </xf>
    <xf numFmtId="0" fontId="0" fillId="0" borderId="29" xfId="0" applyBorder="1">
      <alignment vertical="center"/>
    </xf>
    <xf numFmtId="0" fontId="31" fillId="0" borderId="29" xfId="0" applyFont="1" applyBorder="1" applyAlignment="1">
      <alignment horizontal="left" vertical="center" wrapText="1"/>
    </xf>
    <xf numFmtId="0" fontId="1" fillId="0" borderId="27" xfId="0" applyFont="1" applyBorder="1" applyAlignment="1">
      <alignment horizontal="center" vertical="center"/>
    </xf>
    <xf numFmtId="0" fontId="1" fillId="0" borderId="31" xfId="0" applyFont="1" applyBorder="1" applyAlignment="1">
      <alignment horizontal="center" vertical="center"/>
    </xf>
    <xf numFmtId="0" fontId="0" fillId="0" borderId="23" xfId="0" applyBorder="1">
      <alignment vertical="center"/>
    </xf>
    <xf numFmtId="0" fontId="10" fillId="0" borderId="0" xfId="0" applyFont="1" applyAlignment="1">
      <alignment horizontal="left" vertical="center"/>
    </xf>
    <xf numFmtId="0" fontId="1" fillId="0" borderId="0" xfId="0" applyFont="1" applyAlignment="1">
      <alignment horizontal="left" vertical="center"/>
    </xf>
    <xf numFmtId="0" fontId="7" fillId="0" borderId="59" xfId="0" applyFont="1" applyBorder="1" applyAlignment="1">
      <alignment horizontal="left" vertical="center" wrapText="1"/>
    </xf>
    <xf numFmtId="0" fontId="0" fillId="0" borderId="29" xfId="0" applyBorder="1" applyAlignment="1">
      <alignment horizontal="left" vertical="top" wrapText="1"/>
    </xf>
    <xf numFmtId="0" fontId="0" fillId="0" borderId="29" xfId="0" applyBorder="1" applyAlignment="1">
      <alignment horizontal="left" vertical="center" wrapText="1"/>
    </xf>
    <xf numFmtId="0" fontId="24" fillId="0" borderId="57" xfId="0" applyFont="1" applyBorder="1" applyAlignment="1">
      <alignment horizontal="center" vertical="center" wrapText="1"/>
    </xf>
    <xf numFmtId="0" fontId="31" fillId="0" borderId="23" xfId="0" applyFont="1" applyBorder="1">
      <alignment vertical="center"/>
    </xf>
    <xf numFmtId="0" fontId="26" fillId="0" borderId="5" xfId="0" applyFont="1" applyBorder="1" applyAlignment="1">
      <alignment horizontal="left" vertical="center" wrapText="1"/>
    </xf>
    <xf numFmtId="0" fontId="30" fillId="0" borderId="6" xfId="0" applyFont="1" applyBorder="1" applyAlignment="1">
      <alignment horizontal="left" vertical="center" wrapText="1"/>
    </xf>
    <xf numFmtId="0" fontId="30" fillId="0" borderId="7" xfId="0" applyFont="1" applyBorder="1" applyAlignment="1">
      <alignment horizontal="left" vertical="center" wrapText="1"/>
    </xf>
    <xf numFmtId="0" fontId="30" fillId="0" borderId="8" xfId="0" applyFont="1" applyBorder="1" applyAlignment="1">
      <alignment horizontal="left" vertical="center" wrapText="1"/>
    </xf>
    <xf numFmtId="0" fontId="30" fillId="0" borderId="0" xfId="0" applyFont="1" applyAlignment="1">
      <alignment horizontal="left" vertical="center" wrapText="1"/>
    </xf>
    <xf numFmtId="0" fontId="30" fillId="0" borderId="9" xfId="0" applyFont="1" applyBorder="1" applyAlignment="1">
      <alignment horizontal="left" vertical="center" wrapText="1"/>
    </xf>
    <xf numFmtId="0" fontId="30" fillId="0" borderId="10" xfId="0" applyFont="1" applyBorder="1" applyAlignment="1">
      <alignment horizontal="left" vertical="center" wrapText="1"/>
    </xf>
    <xf numFmtId="0" fontId="30" fillId="0" borderId="11" xfId="0" applyFont="1" applyBorder="1" applyAlignment="1">
      <alignment horizontal="left" vertical="center" wrapText="1"/>
    </xf>
    <xf numFmtId="0" fontId="30" fillId="0" borderId="12" xfId="0" applyFont="1" applyBorder="1" applyAlignment="1">
      <alignment horizontal="left" vertical="center" wrapText="1"/>
    </xf>
    <xf numFmtId="0" fontId="0" fillId="0" borderId="0" xfId="0" applyBorder="1" applyAlignment="1">
      <alignment horizontal="left" vertical="center" wrapText="1"/>
    </xf>
    <xf numFmtId="0" fontId="45" fillId="2" borderId="0" xfId="0" applyFont="1" applyFill="1" applyAlignment="1">
      <alignment horizontal="center" vertical="center"/>
    </xf>
    <xf numFmtId="0" fontId="45" fillId="2" borderId="18" xfId="0" applyFont="1" applyFill="1" applyBorder="1" applyAlignment="1">
      <alignment horizontal="center" vertical="center"/>
    </xf>
    <xf numFmtId="0" fontId="25" fillId="0" borderId="61" xfId="0" applyFont="1" applyBorder="1" applyAlignment="1">
      <alignment horizontal="center" vertical="center" wrapText="1"/>
    </xf>
    <xf numFmtId="0" fontId="25" fillId="0" borderId="35" xfId="0" applyFont="1" applyBorder="1" applyAlignment="1">
      <alignment horizontal="center" vertical="center" wrapText="1"/>
    </xf>
    <xf numFmtId="0" fontId="25" fillId="0" borderId="35" xfId="0" applyFont="1" applyBorder="1" applyAlignment="1">
      <alignment horizontal="left" vertical="center" wrapText="1"/>
    </xf>
    <xf numFmtId="0" fontId="25" fillId="0" borderId="62" xfId="0" applyFont="1" applyBorder="1" applyAlignment="1">
      <alignment horizontal="left" vertical="center" wrapText="1"/>
    </xf>
    <xf numFmtId="0" fontId="45" fillId="2" borderId="2" xfId="0" applyFont="1" applyFill="1" applyBorder="1" applyAlignment="1">
      <alignment horizontal="center" vertical="center"/>
    </xf>
    <xf numFmtId="0" fontId="25" fillId="0" borderId="30" xfId="0" applyFont="1" applyBorder="1" applyAlignment="1">
      <alignment horizontal="center" vertical="center" wrapText="1"/>
    </xf>
    <xf numFmtId="0" fontId="25" fillId="0" borderId="32" xfId="0" applyFont="1" applyBorder="1" applyAlignment="1">
      <alignment horizontal="center" vertical="center" wrapText="1"/>
    </xf>
    <xf numFmtId="0" fontId="25" fillId="0" borderId="5" xfId="0" applyFont="1" applyBorder="1" applyAlignment="1">
      <alignment horizontal="center" vertical="center" wrapText="1"/>
    </xf>
    <xf numFmtId="0" fontId="24" fillId="0" borderId="45" xfId="0" applyFont="1" applyBorder="1" applyAlignment="1">
      <alignment horizontal="center" vertical="center" wrapText="1"/>
    </xf>
    <xf numFmtId="0" fontId="24" fillId="0" borderId="8" xfId="0" applyFont="1" applyBorder="1" applyAlignment="1">
      <alignment horizontal="center" vertical="center" wrapText="1"/>
    </xf>
    <xf numFmtId="0" fontId="24" fillId="0" borderId="18" xfId="0" applyFont="1" applyBorder="1" applyAlignment="1">
      <alignment horizontal="center" vertical="center" wrapText="1"/>
    </xf>
    <xf numFmtId="0" fontId="24" fillId="0" borderId="10" xfId="0" applyFont="1" applyBorder="1" applyAlignment="1">
      <alignment horizontal="center" vertical="center" wrapText="1"/>
    </xf>
    <xf numFmtId="0" fontId="24" fillId="0" borderId="20" xfId="0" applyFont="1" applyBorder="1" applyAlignment="1">
      <alignment horizontal="center" vertical="center" wrapText="1"/>
    </xf>
    <xf numFmtId="0" fontId="24" fillId="0" borderId="50" xfId="0" applyFont="1" applyBorder="1" applyAlignment="1">
      <alignment horizontal="center" vertical="center" wrapText="1"/>
    </xf>
    <xf numFmtId="0" fontId="24" fillId="0" borderId="51" xfId="0" applyFont="1" applyBorder="1" applyAlignment="1">
      <alignment horizontal="center" vertical="center" wrapText="1"/>
    </xf>
    <xf numFmtId="0" fontId="24" fillId="0" borderId="49" xfId="0" applyFont="1" applyBorder="1" applyAlignment="1">
      <alignment horizontal="center" vertical="center" wrapText="1"/>
    </xf>
    <xf numFmtId="0" fontId="24" fillId="0" borderId="48" xfId="0" applyFont="1" applyBorder="1" applyAlignment="1">
      <alignment horizontal="left" vertical="center" wrapText="1"/>
    </xf>
    <xf numFmtId="0" fontId="24" fillId="0" borderId="6" xfId="0" applyFont="1" applyBorder="1" applyAlignment="1">
      <alignment horizontal="left" vertical="center" wrapText="1"/>
    </xf>
    <xf numFmtId="0" fontId="24" fillId="0" borderId="45" xfId="0" applyFont="1" applyBorder="1" applyAlignment="1">
      <alignment horizontal="left" vertical="center" wrapText="1"/>
    </xf>
    <xf numFmtId="0" fontId="24" fillId="0" borderId="56" xfId="0" applyFont="1" applyBorder="1" applyAlignment="1">
      <alignment horizontal="left" vertical="center" wrapText="1"/>
    </xf>
    <xf numFmtId="0" fontId="24" fillId="0" borderId="0" xfId="0" applyFont="1" applyBorder="1" applyAlignment="1">
      <alignment horizontal="left" vertical="center" wrapText="1"/>
    </xf>
    <xf numFmtId="0" fontId="24" fillId="0" borderId="18" xfId="0" applyFont="1" applyBorder="1" applyAlignment="1">
      <alignment horizontal="left" vertical="center" wrapText="1"/>
    </xf>
    <xf numFmtId="0" fontId="24" fillId="0" borderId="19" xfId="0" applyFont="1" applyBorder="1" applyAlignment="1">
      <alignment horizontal="left" vertical="center" wrapText="1"/>
    </xf>
    <xf numFmtId="0" fontId="24" fillId="0" borderId="11" xfId="0" applyFont="1" applyBorder="1" applyAlignment="1">
      <alignment horizontal="left" vertical="center" wrapText="1"/>
    </xf>
    <xf numFmtId="0" fontId="24" fillId="0" borderId="20" xfId="0" applyFont="1" applyBorder="1" applyAlignment="1">
      <alignment horizontal="left" vertical="center" wrapText="1"/>
    </xf>
    <xf numFmtId="0" fontId="24" fillId="0" borderId="24" xfId="0" applyFont="1" applyBorder="1" applyAlignment="1">
      <alignment horizontal="left" vertical="center" wrapText="1"/>
    </xf>
    <xf numFmtId="0" fontId="24" fillId="0" borderId="22" xfId="0" applyFont="1" applyBorder="1" applyAlignment="1">
      <alignment horizontal="left" vertical="center" wrapText="1"/>
    </xf>
    <xf numFmtId="0" fontId="24" fillId="0" borderId="25" xfId="0" applyFont="1" applyBorder="1" applyAlignment="1">
      <alignment horizontal="left" vertical="center" wrapText="1"/>
    </xf>
    <xf numFmtId="0" fontId="25" fillId="0" borderId="24" xfId="0" applyFont="1" applyBorder="1" applyAlignment="1">
      <alignment horizontal="left" vertical="center" wrapText="1"/>
    </xf>
    <xf numFmtId="0" fontId="25" fillId="0" borderId="26" xfId="0" applyFont="1" applyBorder="1" applyAlignment="1">
      <alignment horizontal="left" vertical="center" wrapText="1"/>
    </xf>
    <xf numFmtId="0" fontId="24" fillId="0" borderId="30" xfId="0" applyFont="1" applyBorder="1" applyAlignment="1">
      <alignment horizontal="left" vertical="center" wrapText="1"/>
    </xf>
    <xf numFmtId="0" fontId="24" fillId="0" borderId="28" xfId="0" applyFont="1" applyBorder="1" applyAlignment="1">
      <alignment horizontal="left" vertical="center" wrapText="1"/>
    </xf>
    <xf numFmtId="0" fontId="24" fillId="0" borderId="31" xfId="0" applyFont="1" applyBorder="1" applyAlignment="1">
      <alignment horizontal="left" vertical="center" wrapText="1"/>
    </xf>
    <xf numFmtId="0" fontId="25" fillId="0" borderId="30" xfId="0" applyFont="1" applyBorder="1" applyAlignment="1">
      <alignment horizontal="left" vertical="center" wrapText="1"/>
    </xf>
    <xf numFmtId="0" fontId="25" fillId="0" borderId="32" xfId="0" applyFont="1" applyBorder="1" applyAlignment="1">
      <alignment horizontal="left" vertical="center" wrapText="1"/>
    </xf>
    <xf numFmtId="0" fontId="24" fillId="0" borderId="54" xfId="0" applyFont="1" applyBorder="1" applyAlignment="1">
      <alignment horizontal="left" vertical="center" wrapText="1"/>
    </xf>
    <xf numFmtId="0" fontId="24" fillId="0" borderId="52" xfId="0" applyFont="1" applyBorder="1" applyAlignment="1">
      <alignment horizontal="left" vertical="center" wrapText="1"/>
    </xf>
    <xf numFmtId="0" fontId="24" fillId="0" borderId="47" xfId="0" applyFont="1" applyBorder="1" applyAlignment="1">
      <alignment horizontal="left" vertical="center" wrapText="1"/>
    </xf>
    <xf numFmtId="0" fontId="25" fillId="0" borderId="54" xfId="0" applyFont="1" applyBorder="1" applyAlignment="1">
      <alignment horizontal="left" vertical="center" wrapText="1"/>
    </xf>
    <xf numFmtId="0" fontId="25" fillId="0" borderId="55" xfId="0" applyFont="1" applyBorder="1" applyAlignment="1">
      <alignment horizontal="left" vertical="center" wrapText="1"/>
    </xf>
    <xf numFmtId="0" fontId="25" fillId="0" borderId="36" xfId="0" applyFont="1" applyBorder="1" applyAlignment="1">
      <alignment horizontal="left" vertical="center" wrapText="1"/>
    </xf>
    <xf numFmtId="0" fontId="7" fillId="0" borderId="53" xfId="0" applyFont="1" applyBorder="1" applyAlignment="1">
      <alignment horizontal="left" vertical="center" wrapText="1"/>
    </xf>
    <xf numFmtId="0" fontId="7" fillId="0" borderId="63" xfId="0" applyFont="1" applyBorder="1" applyAlignment="1">
      <alignment horizontal="left" vertical="center" wrapText="1"/>
    </xf>
    <xf numFmtId="0" fontId="10" fillId="0" borderId="5" xfId="0" applyFont="1" applyBorder="1" applyAlignment="1">
      <alignment horizontal="left" vertical="center" wrapText="1"/>
    </xf>
    <xf numFmtId="0" fontId="4" fillId="2" borderId="2" xfId="0" applyFont="1" applyFill="1" applyBorder="1" applyAlignment="1">
      <alignment horizontal="center" vertical="center"/>
    </xf>
    <xf numFmtId="0" fontId="1" fillId="0" borderId="5" xfId="0" applyFont="1" applyBorder="1" applyAlignment="1">
      <alignment vertical="center" wrapText="1"/>
    </xf>
    <xf numFmtId="0" fontId="1" fillId="0" borderId="6" xfId="0" applyFont="1" applyBorder="1" applyAlignment="1">
      <alignment vertical="center" wrapText="1"/>
    </xf>
    <xf numFmtId="0" fontId="1" fillId="0" borderId="7" xfId="0" applyFont="1" applyBorder="1" applyAlignment="1">
      <alignment vertical="center" wrapText="1"/>
    </xf>
    <xf numFmtId="0" fontId="1" fillId="0" borderId="8" xfId="0" applyFont="1" applyBorder="1" applyAlignment="1">
      <alignment vertical="center" wrapText="1"/>
    </xf>
    <xf numFmtId="0" fontId="1" fillId="0" borderId="0" xfId="0" applyFont="1" applyAlignment="1">
      <alignment vertical="center" wrapText="1"/>
    </xf>
    <xf numFmtId="0" fontId="1" fillId="0" borderId="9" xfId="0" applyFont="1" applyBorder="1" applyAlignment="1">
      <alignment vertical="center" wrapText="1"/>
    </xf>
    <xf numFmtId="0" fontId="1" fillId="0" borderId="10" xfId="0" applyFont="1" applyBorder="1" applyAlignment="1">
      <alignment vertical="center" wrapText="1"/>
    </xf>
    <xf numFmtId="0" fontId="1" fillId="0" borderId="11" xfId="0" applyFont="1" applyBorder="1" applyAlignment="1">
      <alignment vertical="center" wrapText="1"/>
    </xf>
    <xf numFmtId="0" fontId="1" fillId="0" borderId="12" xfId="0" applyFont="1" applyBorder="1" applyAlignment="1">
      <alignment vertical="center" wrapText="1"/>
    </xf>
    <xf numFmtId="0" fontId="7" fillId="0" borderId="30" xfId="0" applyFont="1" applyBorder="1" applyAlignment="1">
      <alignment horizontal="left" vertical="center" wrapText="1"/>
    </xf>
    <xf numFmtId="0" fontId="7" fillId="0" borderId="28" xfId="0" applyFont="1" applyBorder="1" applyAlignment="1">
      <alignment horizontal="left" vertical="center" wrapText="1"/>
    </xf>
    <xf numFmtId="0" fontId="7" fillId="0" borderId="31" xfId="0" applyFont="1" applyBorder="1" applyAlignment="1">
      <alignment horizontal="left" vertical="center" wrapText="1"/>
    </xf>
    <xf numFmtId="0" fontId="7" fillId="0" borderId="32" xfId="0" applyFont="1" applyBorder="1" applyAlignment="1">
      <alignment horizontal="left" vertical="center" wrapText="1"/>
    </xf>
    <xf numFmtId="0" fontId="7" fillId="0" borderId="8" xfId="0" applyFont="1" applyBorder="1" applyAlignment="1">
      <alignment horizontal="center" vertical="center" wrapText="1"/>
    </xf>
    <xf numFmtId="0" fontId="7" fillId="0" borderId="18" xfId="0" applyFont="1" applyBorder="1" applyAlignment="1">
      <alignment horizontal="center" vertical="center" wrapText="1"/>
    </xf>
    <xf numFmtId="0" fontId="7" fillId="0" borderId="42" xfId="0" applyFont="1" applyBorder="1" applyAlignment="1">
      <alignment horizontal="left" vertical="center" wrapText="1"/>
    </xf>
    <xf numFmtId="0" fontId="7" fillId="0" borderId="43" xfId="0" applyFont="1" applyBorder="1" applyAlignment="1">
      <alignment horizontal="left" vertical="center" wrapText="1"/>
    </xf>
    <xf numFmtId="0" fontId="7" fillId="0" borderId="40" xfId="0" applyFont="1" applyBorder="1" applyAlignment="1">
      <alignment horizontal="left" vertical="center" wrapText="1"/>
    </xf>
    <xf numFmtId="0" fontId="7" fillId="0" borderId="44" xfId="0" applyFont="1" applyBorder="1" applyAlignment="1">
      <alignment horizontal="left" vertical="center" wrapText="1"/>
    </xf>
    <xf numFmtId="0" fontId="7" fillId="0" borderId="39" xfId="0" applyFont="1" applyBorder="1" applyAlignment="1">
      <alignment horizontal="center" vertical="center" wrapText="1"/>
    </xf>
    <xf numFmtId="0" fontId="7" fillId="0" borderId="40" xfId="0" applyFont="1" applyBorder="1" applyAlignment="1">
      <alignment horizontal="center" vertical="center" wrapText="1"/>
    </xf>
    <xf numFmtId="0" fontId="9" fillId="0" borderId="27" xfId="0" applyFont="1" applyBorder="1" applyAlignment="1">
      <alignment horizontal="center" vertical="center" wrapText="1"/>
    </xf>
    <xf numFmtId="0" fontId="9" fillId="0" borderId="31" xfId="0" applyFont="1" applyBorder="1" applyAlignment="1">
      <alignment horizontal="center" vertical="center" wrapText="1"/>
    </xf>
    <xf numFmtId="0" fontId="7" fillId="0" borderId="10" xfId="0" applyFont="1" applyBorder="1" applyAlignment="1">
      <alignment horizontal="center" vertical="center" wrapText="1"/>
    </xf>
    <xf numFmtId="0" fontId="7" fillId="0" borderId="20" xfId="0" applyFont="1" applyBorder="1" applyAlignment="1">
      <alignment horizontal="center" vertical="center" wrapText="1"/>
    </xf>
    <xf numFmtId="0" fontId="7" fillId="0" borderId="19" xfId="0" applyFont="1" applyBorder="1" applyAlignment="1">
      <alignment horizontal="left" vertical="center" wrapText="1"/>
    </xf>
    <xf numFmtId="0" fontId="7" fillId="0" borderId="11" xfId="0" applyFont="1" applyBorder="1" applyAlignment="1">
      <alignment horizontal="left" vertical="center" wrapText="1"/>
    </xf>
    <xf numFmtId="0" fontId="7" fillId="0" borderId="20" xfId="0" applyFont="1" applyBorder="1" applyAlignment="1">
      <alignment horizontal="left" vertical="center" wrapText="1"/>
    </xf>
    <xf numFmtId="0" fontId="7" fillId="0" borderId="12" xfId="0" applyFont="1" applyBorder="1" applyAlignment="1">
      <alignment horizontal="left" vertical="center" wrapText="1"/>
    </xf>
    <xf numFmtId="0" fontId="9" fillId="0" borderId="5" xfId="0" applyFont="1" applyBorder="1" applyAlignment="1">
      <alignment horizontal="center" vertical="center" wrapText="1"/>
    </xf>
    <xf numFmtId="0" fontId="0" fillId="0" borderId="45" xfId="0" applyBorder="1">
      <alignment vertical="center"/>
    </xf>
    <xf numFmtId="0" fontId="0" fillId="0" borderId="8" xfId="0" applyBorder="1">
      <alignment vertical="center"/>
    </xf>
    <xf numFmtId="0" fontId="0" fillId="0" borderId="18" xfId="0" applyBorder="1">
      <alignment vertical="center"/>
    </xf>
    <xf numFmtId="0" fontId="7" fillId="0" borderId="24" xfId="0" applyFont="1" applyBorder="1" applyAlignment="1">
      <alignment horizontal="left" vertical="center" wrapText="1"/>
    </xf>
    <xf numFmtId="0" fontId="7" fillId="0" borderId="26" xfId="0" applyFont="1" applyBorder="1" applyAlignment="1">
      <alignment horizontal="left" vertical="center" wrapText="1"/>
    </xf>
    <xf numFmtId="0" fontId="27" fillId="0" borderId="39" xfId="0" applyFont="1" applyBorder="1" applyAlignment="1">
      <alignment horizontal="center" vertical="center" wrapText="1"/>
    </xf>
    <xf numFmtId="0" fontId="27" fillId="0" borderId="40" xfId="0" applyFont="1" applyBorder="1" applyAlignment="1">
      <alignment horizontal="center" vertical="center" wrapText="1"/>
    </xf>
    <xf numFmtId="0" fontId="27" fillId="0" borderId="53" xfId="0" applyFont="1" applyBorder="1" applyAlignment="1">
      <alignment horizontal="center" vertical="center" wrapText="1"/>
    </xf>
    <xf numFmtId="0" fontId="27" fillId="0" borderId="41" xfId="0" applyFont="1" applyBorder="1" applyAlignment="1">
      <alignment horizontal="center" vertical="center" wrapText="1"/>
    </xf>
    <xf numFmtId="0" fontId="24" fillId="0" borderId="42" xfId="0" applyFont="1" applyBorder="1" applyAlignment="1">
      <alignment horizontal="left" vertical="top" wrapText="1"/>
    </xf>
    <xf numFmtId="0" fontId="24" fillId="0" borderId="43" xfId="0" applyFont="1" applyBorder="1" applyAlignment="1">
      <alignment horizontal="left" vertical="top" wrapText="1"/>
    </xf>
    <xf numFmtId="0" fontId="24" fillId="0" borderId="40" xfId="0" applyFont="1" applyBorder="1" applyAlignment="1">
      <alignment horizontal="left" vertical="top" wrapText="1"/>
    </xf>
    <xf numFmtId="0" fontId="27" fillId="0" borderId="8" xfId="0" applyFont="1" applyBorder="1" applyAlignment="1">
      <alignment horizontal="center" vertical="center" wrapText="1"/>
    </xf>
    <xf numFmtId="0" fontId="27" fillId="0" borderId="18" xfId="0" applyFont="1" applyBorder="1" applyAlignment="1">
      <alignment horizontal="center" vertical="center" wrapText="1"/>
    </xf>
    <xf numFmtId="0" fontId="24" fillId="0" borderId="42" xfId="0" applyFont="1" applyBorder="1" applyAlignment="1">
      <alignment horizontal="left" vertical="center" wrapText="1"/>
    </xf>
    <xf numFmtId="0" fontId="24" fillId="0" borderId="43" xfId="0" applyFont="1" applyBorder="1" applyAlignment="1">
      <alignment horizontal="left" vertical="center" wrapText="1"/>
    </xf>
    <xf numFmtId="0" fontId="24" fillId="0" borderId="40" xfId="0" applyFont="1" applyBorder="1" applyAlignment="1">
      <alignment horizontal="left" vertical="center" wrapText="1"/>
    </xf>
    <xf numFmtId="0" fontId="7" fillId="0" borderId="46" xfId="0" applyFont="1" applyBorder="1" applyAlignment="1">
      <alignment horizontal="center" vertical="center" wrapText="1"/>
    </xf>
    <xf numFmtId="0" fontId="27" fillId="0" borderId="47" xfId="0" applyFont="1" applyBorder="1" applyAlignment="1">
      <alignment horizontal="center" vertical="center" wrapText="1"/>
    </xf>
    <xf numFmtId="0" fontId="27" fillId="0" borderId="30" xfId="0" applyFont="1" applyBorder="1" applyAlignment="1">
      <alignment horizontal="left" vertical="center" wrapText="1"/>
    </xf>
    <xf numFmtId="0" fontId="27" fillId="0" borderId="31" xfId="0" applyFont="1" applyBorder="1" applyAlignment="1">
      <alignment horizontal="left" vertical="center" wrapText="1"/>
    </xf>
    <xf numFmtId="0" fontId="27" fillId="0" borderId="42" xfId="0" applyFont="1" applyBorder="1" applyAlignment="1">
      <alignment horizontal="left" vertical="center" wrapText="1"/>
    </xf>
    <xf numFmtId="0" fontId="27" fillId="0" borderId="43" xfId="0" applyFont="1" applyBorder="1" applyAlignment="1">
      <alignment horizontal="left" vertical="center" wrapText="1"/>
    </xf>
    <xf numFmtId="0" fontId="27" fillId="0" borderId="40" xfId="0" applyFont="1" applyBorder="1" applyAlignment="1">
      <alignment horizontal="left" vertical="center" wrapText="1"/>
    </xf>
    <xf numFmtId="0" fontId="7" fillId="0" borderId="33"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36" xfId="0" applyFont="1" applyBorder="1" applyAlignment="1">
      <alignment horizontal="left" vertical="center" wrapText="1"/>
    </xf>
    <xf numFmtId="0" fontId="7" fillId="0" borderId="34" xfId="0" applyFont="1" applyBorder="1" applyAlignment="1">
      <alignment horizontal="left" vertical="center" wrapText="1"/>
    </xf>
    <xf numFmtId="0" fontId="7" fillId="0" borderId="37" xfId="0" applyFont="1" applyBorder="1" applyAlignment="1">
      <alignment horizontal="left" vertical="center" wrapText="1"/>
    </xf>
    <xf numFmtId="0" fontId="7" fillId="0" borderId="38" xfId="0" applyFont="1" applyBorder="1" applyAlignment="1">
      <alignment horizontal="left" vertical="center" wrapText="1"/>
    </xf>
    <xf numFmtId="0" fontId="7" fillId="0" borderId="5" xfId="0" applyFont="1" applyBorder="1" applyAlignment="1">
      <alignment horizontal="center" vertical="center" wrapText="1"/>
    </xf>
    <xf numFmtId="0" fontId="7" fillId="0" borderId="45" xfId="0" applyFont="1" applyBorder="1" applyAlignment="1">
      <alignment horizontal="center" vertical="center" wrapText="1"/>
    </xf>
    <xf numFmtId="0" fontId="16" fillId="0" borderId="0" xfId="0" applyFont="1" applyAlignment="1">
      <alignment horizontal="center" vertical="center"/>
    </xf>
    <xf numFmtId="0" fontId="16" fillId="0" borderId="9" xfId="0" applyFont="1" applyBorder="1" applyAlignment="1">
      <alignment horizontal="center" vertical="center"/>
    </xf>
    <xf numFmtId="0" fontId="55" fillId="0" borderId="0" xfId="0" applyFont="1" applyAlignment="1">
      <alignment horizontal="center" vertical="center"/>
    </xf>
    <xf numFmtId="58" fontId="27" fillId="0" borderId="64" xfId="0" applyNumberFormat="1" applyFont="1" applyBorder="1" applyAlignment="1">
      <alignment horizontal="center" vertical="center"/>
    </xf>
    <xf numFmtId="0" fontId="27" fillId="0" borderId="64" xfId="0" applyFont="1" applyBorder="1" applyAlignment="1">
      <alignment horizontal="center" vertical="center"/>
    </xf>
    <xf numFmtId="0" fontId="27" fillId="0" borderId="33" xfId="0" applyFont="1" applyBorder="1" applyAlignment="1">
      <alignment horizontal="left" vertical="top" wrapText="1"/>
    </xf>
    <xf numFmtId="0" fontId="27" fillId="0" borderId="34" xfId="0" applyFont="1" applyBorder="1" applyAlignment="1">
      <alignment horizontal="left" vertical="top"/>
    </xf>
    <xf numFmtId="0" fontId="27" fillId="0" borderId="38" xfId="0" applyFont="1" applyBorder="1" applyAlignment="1">
      <alignment horizontal="left" vertical="top"/>
    </xf>
    <xf numFmtId="0" fontId="27" fillId="0" borderId="61" xfId="0" applyFont="1" applyBorder="1" applyAlignment="1">
      <alignment horizontal="left" vertical="top" wrapText="1"/>
    </xf>
    <xf numFmtId="0" fontId="27" fillId="0" borderId="35" xfId="0" applyFont="1" applyBorder="1" applyAlignment="1">
      <alignment horizontal="left" vertical="top" wrapText="1"/>
    </xf>
    <xf numFmtId="0" fontId="27" fillId="0" borderId="36" xfId="0" applyFont="1" applyBorder="1" applyAlignment="1">
      <alignment horizontal="left" vertical="top" wrapText="1"/>
    </xf>
    <xf numFmtId="0" fontId="27" fillId="0" borderId="34" xfId="0" applyFont="1" applyBorder="1" applyAlignment="1">
      <alignment horizontal="left" vertical="top" wrapText="1"/>
    </xf>
    <xf numFmtId="0" fontId="27" fillId="0" borderId="37" xfId="0" applyFont="1" applyBorder="1" applyAlignment="1">
      <alignment horizontal="left" vertical="top" wrapText="1"/>
    </xf>
    <xf numFmtId="0" fontId="56" fillId="0" borderId="0" xfId="0" applyFont="1" applyAlignment="1"/>
    <xf numFmtId="0" fontId="57" fillId="0" borderId="1" xfId="0" applyFont="1" applyBorder="1" applyAlignment="1">
      <alignment horizontal="left" vertical="center" wrapText="1"/>
    </xf>
  </cellXfs>
  <cellStyles count="1">
    <cellStyle name="標準" xfId="0" builtinId="0"/>
  </cellStyles>
  <dxfs count="0"/>
  <tableStyles count="0" defaultTableStyle="TableStyleMedium9" defaultPivotStyle="PivotStyleLight16"/>
  <colors>
    <mruColors>
      <color rgb="FF0000FF"/>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10.xml.rels><?xml version="1.0" encoding="UTF-8" standalone="yes"?>
<Relationships xmlns="http://schemas.openxmlformats.org/package/2006/relationships"><Relationship Id="rId1" Type="http://schemas.openxmlformats.org/officeDocument/2006/relationships/image" Target="../media/image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4.png"/></Relationships>
</file>

<file path=xl/drawings/_rels/vmlDrawing1.v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6</xdr:col>
      <xdr:colOff>290509</xdr:colOff>
      <xdr:row>20</xdr:row>
      <xdr:rowOff>404813</xdr:rowOff>
    </xdr:from>
    <xdr:to>
      <xdr:col>7</xdr:col>
      <xdr:colOff>425446</xdr:colOff>
      <xdr:row>20</xdr:row>
      <xdr:rowOff>841375</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2862259" y="4519613"/>
          <a:ext cx="563562" cy="436562"/>
        </a:xfrm>
        <a:prstGeom prst="ellipse">
          <a:avLst/>
        </a:prstGeom>
        <a:no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2</xdr:col>
      <xdr:colOff>39688</xdr:colOff>
      <xdr:row>16</xdr:row>
      <xdr:rowOff>484187</xdr:rowOff>
    </xdr:from>
    <xdr:to>
      <xdr:col>14</xdr:col>
      <xdr:colOff>341314</xdr:colOff>
      <xdr:row>17</xdr:row>
      <xdr:rowOff>396874</xdr:rowOff>
    </xdr:to>
    <xdr:sp macro="" textlink="">
      <xdr:nvSpPr>
        <xdr:cNvPr id="9" name="四角形吹き出し 8">
          <a:extLst>
            <a:ext uri="{FF2B5EF4-FFF2-40B4-BE49-F238E27FC236}">
              <a16:creationId xmlns:a16="http://schemas.microsoft.com/office/drawing/2014/main" id="{00000000-0008-0000-0100-000009000000}"/>
            </a:ext>
          </a:extLst>
        </xdr:cNvPr>
        <xdr:cNvSpPr/>
      </xdr:nvSpPr>
      <xdr:spPr>
        <a:xfrm>
          <a:off x="5183188" y="3016250"/>
          <a:ext cx="1158876" cy="539749"/>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0459</xdr:colOff>
      <xdr:row>20</xdr:row>
      <xdr:rowOff>648232</xdr:rowOff>
    </xdr:from>
    <xdr:to>
      <xdr:col>14</xdr:col>
      <xdr:colOff>367772</xdr:colOff>
      <xdr:row>21</xdr:row>
      <xdr:rowOff>216959</xdr:rowOff>
    </xdr:to>
    <xdr:sp macro="" textlink="">
      <xdr:nvSpPr>
        <xdr:cNvPr id="10" name="四角形吹き出し 9">
          <a:extLst>
            <a:ext uri="{FF2B5EF4-FFF2-40B4-BE49-F238E27FC236}">
              <a16:creationId xmlns:a16="http://schemas.microsoft.com/office/drawing/2014/main" id="{00000000-0008-0000-0100-00000A000000}"/>
            </a:ext>
          </a:extLst>
        </xdr:cNvPr>
        <xdr:cNvSpPr/>
      </xdr:nvSpPr>
      <xdr:spPr>
        <a:xfrm>
          <a:off x="4937126" y="5595940"/>
          <a:ext cx="1357313" cy="584727"/>
        </a:xfrm>
        <a:prstGeom prst="wedgeRectCallout">
          <a:avLst>
            <a:gd name="adj1" fmla="val 30218"/>
            <a:gd name="adj2" fmla="val -10019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8</xdr:col>
      <xdr:colOff>142875</xdr:colOff>
      <xdr:row>19</xdr:row>
      <xdr:rowOff>476250</xdr:rowOff>
    </xdr:from>
    <xdr:to>
      <xdr:col>11</xdr:col>
      <xdr:colOff>238125</xdr:colOff>
      <xdr:row>20</xdr:row>
      <xdr:rowOff>103187</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571875" y="5467350"/>
          <a:ext cx="1381125" cy="255587"/>
        </a:xfrm>
        <a:prstGeom prst="rect">
          <a:avLst/>
        </a:prstGeom>
        <a:solidFill>
          <a:schemeClr val="lt1"/>
        </a:solidFill>
        <a:ln w="9525" cmpd="sng">
          <a:solidFill>
            <a:schemeClr val="tx2">
              <a:lumMod val="60000"/>
              <a:lumOff val="4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800">
              <a:solidFill>
                <a:schemeClr val="tx2">
                  <a:lumMod val="60000"/>
                  <a:lumOff val="40000"/>
                </a:schemeClr>
              </a:solidFill>
              <a:latin typeface="HG丸ｺﾞｼｯｸM-PRO" pitchFamily="50" charset="-128"/>
              <a:ea typeface="HG丸ｺﾞｼｯｸM-PRO" pitchFamily="50" charset="-128"/>
            </a:rPr>
            <a:t>確認し記入してください</a:t>
          </a:r>
        </a:p>
      </xdr:txBody>
    </xdr:sp>
    <xdr:clientData/>
  </xdr:twoCellAnchor>
  <xdr:twoCellAnchor>
    <xdr:from>
      <xdr:col>7</xdr:col>
      <xdr:colOff>342914</xdr:colOff>
      <xdr:row>19</xdr:row>
      <xdr:rowOff>603250</xdr:rowOff>
    </xdr:from>
    <xdr:to>
      <xdr:col>8</xdr:col>
      <xdr:colOff>142875</xdr:colOff>
      <xdr:row>20</xdr:row>
      <xdr:rowOff>468746</xdr:rowOff>
    </xdr:to>
    <xdr:cxnSp macro="">
      <xdr:nvCxnSpPr>
        <xdr:cNvPr id="12" name="直線矢印コネクタ 11">
          <a:extLst>
            <a:ext uri="{FF2B5EF4-FFF2-40B4-BE49-F238E27FC236}">
              <a16:creationId xmlns:a16="http://schemas.microsoft.com/office/drawing/2014/main" id="{00000000-0008-0000-0100-00000C000000}"/>
            </a:ext>
          </a:extLst>
        </xdr:cNvPr>
        <xdr:cNvCxnSpPr>
          <a:stCxn id="11" idx="1"/>
        </xdr:cNvCxnSpPr>
      </xdr:nvCxnSpPr>
      <xdr:spPr>
        <a:xfrm flipH="1">
          <a:off x="3343289" y="5594350"/>
          <a:ext cx="228586" cy="494146"/>
        </a:xfrm>
        <a:prstGeom prst="straightConnector1">
          <a:avLst/>
        </a:prstGeom>
        <a:ln>
          <a:tailEnd type="arrow"/>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10.xml><?xml version="1.0" encoding="utf-8"?>
<xdr:wsDr xmlns:xdr="http://schemas.openxmlformats.org/drawingml/2006/spreadsheetDrawing" xmlns:a="http://schemas.openxmlformats.org/drawingml/2006/main">
  <xdr:twoCellAnchor>
    <xdr:from>
      <xdr:col>12</xdr:col>
      <xdr:colOff>95252</xdr:colOff>
      <xdr:row>16</xdr:row>
      <xdr:rowOff>301622</xdr:rowOff>
    </xdr:from>
    <xdr:to>
      <xdr:col>14</xdr:col>
      <xdr:colOff>396878</xdr:colOff>
      <xdr:row>16</xdr:row>
      <xdr:rowOff>841371</xdr:rowOff>
    </xdr:to>
    <xdr:sp macro="" textlink="">
      <xdr:nvSpPr>
        <xdr:cNvPr id="2" name="四角形吹き出し 1">
          <a:extLst>
            <a:ext uri="{FF2B5EF4-FFF2-40B4-BE49-F238E27FC236}">
              <a16:creationId xmlns:a16="http://schemas.microsoft.com/office/drawing/2014/main" id="{00000000-0008-0000-0B00-000002000000}"/>
            </a:ext>
          </a:extLst>
        </xdr:cNvPr>
        <xdr:cNvSpPr/>
      </xdr:nvSpPr>
      <xdr:spPr>
        <a:xfrm>
          <a:off x="5238752" y="2835272"/>
          <a:ext cx="1158876" cy="539749"/>
        </a:xfrm>
        <a:prstGeom prst="wedgeRectCallout">
          <a:avLst>
            <a:gd name="adj1" fmla="val -33554"/>
            <a:gd name="adj2" fmla="val -89733"/>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6373</xdr:colOff>
      <xdr:row>17</xdr:row>
      <xdr:rowOff>111127</xdr:rowOff>
    </xdr:from>
    <xdr:to>
      <xdr:col>14</xdr:col>
      <xdr:colOff>293686</xdr:colOff>
      <xdr:row>18</xdr:row>
      <xdr:rowOff>79377</xdr:rowOff>
    </xdr:to>
    <xdr:sp macro="" textlink="">
      <xdr:nvSpPr>
        <xdr:cNvPr id="3" name="四角形吹き出し 2">
          <a:extLst>
            <a:ext uri="{FF2B5EF4-FFF2-40B4-BE49-F238E27FC236}">
              <a16:creationId xmlns:a16="http://schemas.microsoft.com/office/drawing/2014/main" id="{00000000-0008-0000-0B00-000003000000}"/>
            </a:ext>
          </a:extLst>
        </xdr:cNvPr>
        <xdr:cNvSpPr/>
      </xdr:nvSpPr>
      <xdr:spPr>
        <a:xfrm>
          <a:off x="4921248" y="3787777"/>
          <a:ext cx="1373188" cy="59690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04813</xdr:colOff>
      <xdr:row>18</xdr:row>
      <xdr:rowOff>293688</xdr:rowOff>
    </xdr:from>
    <xdr:to>
      <xdr:col>14</xdr:col>
      <xdr:colOff>134938</xdr:colOff>
      <xdr:row>23</xdr:row>
      <xdr:rowOff>531812</xdr:rowOff>
    </xdr:to>
    <xdr:sp macro="" textlink="">
      <xdr:nvSpPr>
        <xdr:cNvPr id="4" name="正方形/長方形 3">
          <a:extLst>
            <a:ext uri="{FF2B5EF4-FFF2-40B4-BE49-F238E27FC236}">
              <a16:creationId xmlns:a16="http://schemas.microsoft.com/office/drawing/2014/main" id="{00000000-0008-0000-0B00-000004000000}"/>
            </a:ext>
          </a:extLst>
        </xdr:cNvPr>
        <xdr:cNvSpPr/>
      </xdr:nvSpPr>
      <xdr:spPr>
        <a:xfrm>
          <a:off x="404813" y="4595813"/>
          <a:ext cx="5730875" cy="3373437"/>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参考</a:t>
          </a:r>
          <a:r>
            <a:rPr kumimoji="1" lang="en-US" altLang="ja-JP" sz="1000">
              <a:solidFill>
                <a:sysClr val="windowText" lastClr="000000"/>
              </a:solidFill>
            </a:rPr>
            <a:t>】</a:t>
          </a:r>
          <a:r>
            <a:rPr kumimoji="1" lang="ja-JP" altLang="en-US" sz="1000">
              <a:solidFill>
                <a:sysClr val="windowText" lastClr="000000"/>
              </a:solidFill>
            </a:rPr>
            <a:t>廃棄物の種類</a:t>
          </a:r>
        </a:p>
      </xdr:txBody>
    </xdr:sp>
    <xdr:clientData/>
  </xdr:twoCellAnchor>
  <xdr:twoCellAnchor>
    <xdr:from>
      <xdr:col>10</xdr:col>
      <xdr:colOff>126997</xdr:colOff>
      <xdr:row>20</xdr:row>
      <xdr:rowOff>174626</xdr:rowOff>
    </xdr:from>
    <xdr:to>
      <xdr:col>13</xdr:col>
      <xdr:colOff>166688</xdr:colOff>
      <xdr:row>21</xdr:row>
      <xdr:rowOff>214315</xdr:rowOff>
    </xdr:to>
    <xdr:sp macro="" textlink="">
      <xdr:nvSpPr>
        <xdr:cNvPr id="6" name="角丸四角形吹き出し 5">
          <a:extLst>
            <a:ext uri="{FF2B5EF4-FFF2-40B4-BE49-F238E27FC236}">
              <a16:creationId xmlns:a16="http://schemas.microsoft.com/office/drawing/2014/main" id="{00000000-0008-0000-0B00-000006000000}"/>
            </a:ext>
          </a:extLst>
        </xdr:cNvPr>
        <xdr:cNvSpPr/>
      </xdr:nvSpPr>
      <xdr:spPr>
        <a:xfrm>
          <a:off x="4413247" y="5730876"/>
          <a:ext cx="1325566" cy="666752"/>
        </a:xfrm>
        <a:prstGeom prst="wedgeRoundRectCallout">
          <a:avLst>
            <a:gd name="adj1" fmla="val -95081"/>
            <a:gd name="adj2" fmla="val 35554"/>
            <a:gd name="adj3" fmla="val 16667"/>
          </a:avLst>
        </a:prstGeom>
        <a:solidFill>
          <a:schemeClr val="bg1"/>
        </a:solidFill>
        <a:ln w="9525">
          <a:solidFill>
            <a:schemeClr val="tx2"/>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lIns="36000" tIns="18000" rIns="36000" bIns="18000" rtlCol="0" anchor="ctr"/>
        <a:lstStyle/>
        <a:p>
          <a:pPr algn="ctr"/>
          <a:r>
            <a:rPr lang="ja-JP" altLang="en-US" sz="800">
              <a:solidFill>
                <a:sysClr val="windowText" lastClr="000000"/>
              </a:solidFill>
            </a:rPr>
            <a:t>事業活動に伴って生じた</a:t>
          </a:r>
          <a:endParaRPr lang="en-US" altLang="ja-JP" sz="800">
            <a:solidFill>
              <a:sysClr val="windowText" lastClr="000000"/>
            </a:solidFill>
          </a:endParaRPr>
        </a:p>
        <a:p>
          <a:pPr algn="ctr"/>
          <a:r>
            <a:rPr lang="ja-JP" altLang="en-US" sz="800">
              <a:solidFill>
                <a:sysClr val="windowText" lastClr="000000"/>
              </a:solidFill>
            </a:rPr>
            <a:t>資源化可能な古紙類や</a:t>
          </a:r>
          <a:endParaRPr lang="en-US" altLang="ja-JP" sz="800">
            <a:solidFill>
              <a:sysClr val="windowText" lastClr="000000"/>
            </a:solidFill>
          </a:endParaRPr>
        </a:p>
        <a:p>
          <a:pPr algn="ctr"/>
          <a:r>
            <a:rPr lang="ja-JP" altLang="en-US" sz="800">
              <a:solidFill>
                <a:sysClr val="windowText" lastClr="000000"/>
              </a:solidFill>
            </a:rPr>
            <a:t>食品残さ等　</a:t>
          </a:r>
          <a:endParaRPr lang="en-US" altLang="ja-JP" sz="800">
            <a:solidFill>
              <a:sysClr val="windowText" lastClr="000000"/>
            </a:solidFill>
          </a:endParaRPr>
        </a:p>
        <a:p>
          <a:pPr algn="l"/>
          <a:r>
            <a:rPr kumimoji="1" lang="en-US" altLang="ja-JP" sz="700" spc="-100" baseline="0">
              <a:solidFill>
                <a:sysClr val="windowText" lastClr="000000"/>
              </a:solidFill>
            </a:rPr>
            <a:t>※</a:t>
          </a:r>
          <a:r>
            <a:rPr kumimoji="1" lang="ja-JP" altLang="en-US" sz="700" spc="-100" baseline="0">
              <a:solidFill>
                <a:sysClr val="windowText" lastClr="000000"/>
              </a:solidFill>
            </a:rPr>
            <a:t>該当について個別に確認すること</a:t>
          </a:r>
        </a:p>
      </xdr:txBody>
    </xdr:sp>
    <xdr:clientData/>
  </xdr:twoCellAnchor>
  <xdr:twoCellAnchor editAs="oneCell">
    <xdr:from>
      <xdr:col>1</xdr:col>
      <xdr:colOff>216958</xdr:colOff>
      <xdr:row>18</xdr:row>
      <xdr:rowOff>312209</xdr:rowOff>
    </xdr:from>
    <xdr:to>
      <xdr:col>12</xdr:col>
      <xdr:colOff>377652</xdr:colOff>
      <xdr:row>23</xdr:row>
      <xdr:rowOff>447624</xdr:rowOff>
    </xdr:to>
    <xdr:pic>
      <xdr:nvPicPr>
        <xdr:cNvPr id="7" name="図 6">
          <a:extLst>
            <a:ext uri="{FF2B5EF4-FFF2-40B4-BE49-F238E27FC236}">
              <a16:creationId xmlns:a16="http://schemas.microsoft.com/office/drawing/2014/main" id="{00000000-0008-0000-0B00-000007000000}"/>
            </a:ext>
          </a:extLst>
        </xdr:cNvPr>
        <xdr:cNvPicPr>
          <a:picLocks noChangeAspect="1"/>
        </xdr:cNvPicPr>
      </xdr:nvPicPr>
      <xdr:blipFill>
        <a:blip xmlns:r="http://schemas.openxmlformats.org/officeDocument/2006/relationships" r:embed="rId1"/>
        <a:stretch>
          <a:fillRect/>
        </a:stretch>
      </xdr:blipFill>
      <xdr:spPr>
        <a:xfrm>
          <a:off x="640291" y="5201709"/>
          <a:ext cx="4817361" cy="3310415"/>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xdr:from>
      <xdr:col>9</xdr:col>
      <xdr:colOff>158747</xdr:colOff>
      <xdr:row>18</xdr:row>
      <xdr:rowOff>1265238</xdr:rowOff>
    </xdr:from>
    <xdr:to>
      <xdr:col>14</xdr:col>
      <xdr:colOff>258763</xdr:colOff>
      <xdr:row>19</xdr:row>
      <xdr:rowOff>1420813</xdr:rowOff>
    </xdr:to>
    <xdr:sp macro="" textlink="">
      <xdr:nvSpPr>
        <xdr:cNvPr id="2" name="正方形/長方形 1">
          <a:extLst>
            <a:ext uri="{FF2B5EF4-FFF2-40B4-BE49-F238E27FC236}">
              <a16:creationId xmlns:a16="http://schemas.microsoft.com/office/drawing/2014/main" id="{00000000-0008-0000-0C00-000002000000}"/>
            </a:ext>
          </a:extLst>
        </xdr:cNvPr>
        <xdr:cNvSpPr>
          <a:spLocks/>
        </xdr:cNvSpPr>
      </xdr:nvSpPr>
      <xdr:spPr>
        <a:xfrm>
          <a:off x="4016372" y="6249988"/>
          <a:ext cx="2243141" cy="1806575"/>
        </a:xfrm>
        <a:prstGeom prst="rect">
          <a:avLst/>
        </a:prstGeom>
        <a:solidFill>
          <a:srgbClr val="DCE6F2"/>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900">
              <a:solidFill>
                <a:sysClr val="windowText" lastClr="000000"/>
              </a:solidFill>
            </a:rPr>
            <a:t>【</a:t>
          </a:r>
          <a:r>
            <a:rPr kumimoji="1" lang="ja-JP" altLang="en-US" sz="900">
              <a:solidFill>
                <a:sysClr val="windowText" lastClr="000000"/>
              </a:solidFill>
            </a:rPr>
            <a:t>参考</a:t>
          </a:r>
          <a:r>
            <a:rPr kumimoji="1" lang="en-US" altLang="ja-JP" sz="900">
              <a:solidFill>
                <a:sysClr val="windowText" lastClr="000000"/>
              </a:solidFill>
            </a:rPr>
            <a:t>】</a:t>
          </a:r>
          <a:r>
            <a:rPr kumimoji="1" lang="ja-JP" altLang="en-US" sz="900">
              <a:solidFill>
                <a:sysClr val="windowText" lastClr="000000"/>
              </a:solidFill>
            </a:rPr>
            <a:t>掲示板のイメージ</a:t>
          </a:r>
        </a:p>
      </xdr:txBody>
    </xdr:sp>
    <xdr:clientData/>
  </xdr:twoCellAnchor>
  <xdr:twoCellAnchor>
    <xdr:from>
      <xdr:col>12</xdr:col>
      <xdr:colOff>87310</xdr:colOff>
      <xdr:row>16</xdr:row>
      <xdr:rowOff>841375</xdr:rowOff>
    </xdr:from>
    <xdr:to>
      <xdr:col>14</xdr:col>
      <xdr:colOff>388936</xdr:colOff>
      <xdr:row>17</xdr:row>
      <xdr:rowOff>301624</xdr:rowOff>
    </xdr:to>
    <xdr:sp macro="" textlink="">
      <xdr:nvSpPr>
        <xdr:cNvPr id="3" name="四角形吹き出し 2">
          <a:extLst>
            <a:ext uri="{FF2B5EF4-FFF2-40B4-BE49-F238E27FC236}">
              <a16:creationId xmlns:a16="http://schemas.microsoft.com/office/drawing/2014/main" id="{00000000-0008-0000-0C00-000003000000}"/>
            </a:ext>
          </a:extLst>
        </xdr:cNvPr>
        <xdr:cNvSpPr/>
      </xdr:nvSpPr>
      <xdr:spPr>
        <a:xfrm>
          <a:off x="8316910" y="2536825"/>
          <a:ext cx="1673226" cy="174624"/>
        </a:xfrm>
        <a:prstGeom prst="wedgeRectCallout">
          <a:avLst>
            <a:gd name="adj1" fmla="val -33554"/>
            <a:gd name="adj2" fmla="val -101498"/>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55562</xdr:colOff>
      <xdr:row>18</xdr:row>
      <xdr:rowOff>377824</xdr:rowOff>
    </xdr:from>
    <xdr:to>
      <xdr:col>14</xdr:col>
      <xdr:colOff>277813</xdr:colOff>
      <xdr:row>18</xdr:row>
      <xdr:rowOff>1158875</xdr:rowOff>
    </xdr:to>
    <xdr:sp macro="" textlink="">
      <xdr:nvSpPr>
        <xdr:cNvPr id="4" name="四角形吹き出し 3">
          <a:extLst>
            <a:ext uri="{FF2B5EF4-FFF2-40B4-BE49-F238E27FC236}">
              <a16:creationId xmlns:a16="http://schemas.microsoft.com/office/drawing/2014/main" id="{00000000-0008-0000-0C00-000004000000}"/>
            </a:ext>
          </a:extLst>
        </xdr:cNvPr>
        <xdr:cNvSpPr/>
      </xdr:nvSpPr>
      <xdr:spPr>
        <a:xfrm>
          <a:off x="8285162" y="2892424"/>
          <a:ext cx="1593851" cy="1"/>
        </a:xfrm>
        <a:prstGeom prst="wedgeRectCallout">
          <a:avLst>
            <a:gd name="adj1" fmla="val 35707"/>
            <a:gd name="adj2" fmla="val -13395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71441</xdr:colOff>
      <xdr:row>44</xdr:row>
      <xdr:rowOff>0</xdr:rowOff>
    </xdr:from>
    <xdr:to>
      <xdr:col>14</xdr:col>
      <xdr:colOff>325441</xdr:colOff>
      <xdr:row>50</xdr:row>
      <xdr:rowOff>71433</xdr:rowOff>
    </xdr:to>
    <xdr:sp macro="" textlink="">
      <xdr:nvSpPr>
        <xdr:cNvPr id="5" name="角丸四角形 4">
          <a:extLst>
            <a:ext uri="{FF2B5EF4-FFF2-40B4-BE49-F238E27FC236}">
              <a16:creationId xmlns:a16="http://schemas.microsoft.com/office/drawing/2014/main" id="{00000000-0008-0000-0C00-000005000000}"/>
            </a:ext>
          </a:extLst>
        </xdr:cNvPr>
        <xdr:cNvSpPr/>
      </xdr:nvSpPr>
      <xdr:spPr>
        <a:xfrm>
          <a:off x="71441" y="6386507"/>
          <a:ext cx="9855200" cy="1285876"/>
        </a:xfrm>
        <a:prstGeom prst="roundRect">
          <a:avLst/>
        </a:prstGeom>
        <a:noFill/>
        <a:ln>
          <a:solidFill>
            <a:schemeClr val="tx1">
              <a:lumMod val="75000"/>
              <a:lumOff val="25000"/>
            </a:schemeClr>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2</xdr:col>
      <xdr:colOff>70912</xdr:colOff>
      <xdr:row>28</xdr:row>
      <xdr:rowOff>61386</xdr:rowOff>
    </xdr:from>
    <xdr:to>
      <xdr:col>14</xdr:col>
      <xdr:colOff>381000</xdr:colOff>
      <xdr:row>29</xdr:row>
      <xdr:rowOff>357188</xdr:rowOff>
    </xdr:to>
    <xdr:sp macro="" textlink="">
      <xdr:nvSpPr>
        <xdr:cNvPr id="6" name="正方形/長方形 5">
          <a:extLst>
            <a:ext uri="{FF2B5EF4-FFF2-40B4-BE49-F238E27FC236}">
              <a16:creationId xmlns:a16="http://schemas.microsoft.com/office/drawing/2014/main" id="{00000000-0008-0000-0C00-000006000000}"/>
            </a:ext>
          </a:extLst>
        </xdr:cNvPr>
        <xdr:cNvSpPr>
          <a:spLocks/>
        </xdr:cNvSpPr>
      </xdr:nvSpPr>
      <xdr:spPr>
        <a:xfrm>
          <a:off x="5214412" y="15682386"/>
          <a:ext cx="1167338" cy="978427"/>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800">
              <a:solidFill>
                <a:sysClr val="windowText" lastClr="000000"/>
              </a:solidFill>
              <a:latin typeface="ＭＳ ゴシック" pitchFamily="49" charset="-128"/>
              <a:ea typeface="ＭＳ ゴシック" pitchFamily="49" charset="-128"/>
            </a:rPr>
            <a:t>【</a:t>
          </a:r>
          <a:r>
            <a:rPr kumimoji="1" lang="ja-JP" altLang="en-US" sz="800">
              <a:solidFill>
                <a:sysClr val="windowText" lastClr="000000"/>
              </a:solidFill>
              <a:latin typeface="ＭＳ ゴシック" pitchFamily="49" charset="-128"/>
              <a:ea typeface="ＭＳ ゴシック" pitchFamily="49" charset="-128"/>
            </a:rPr>
            <a:t>参考</a:t>
          </a:r>
          <a:r>
            <a:rPr kumimoji="1" lang="en-US" altLang="ja-JP" sz="800">
              <a:solidFill>
                <a:sysClr val="windowText" lastClr="000000"/>
              </a:solidFill>
              <a:latin typeface="ＭＳ ゴシック" pitchFamily="49" charset="-128"/>
              <a:ea typeface="ＭＳ ゴシック" pitchFamily="49" charset="-128"/>
            </a:rPr>
            <a:t>】</a:t>
          </a:r>
          <a:r>
            <a:rPr kumimoji="1" lang="ja-JP" altLang="en-US" sz="800">
              <a:solidFill>
                <a:sysClr val="windowText" lastClr="000000"/>
              </a:solidFill>
              <a:latin typeface="ＭＳ ゴシック" pitchFamily="49" charset="-128"/>
              <a:ea typeface="ＭＳ ゴシック" pitchFamily="49" charset="-128"/>
            </a:rPr>
            <a:t>返却期限</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Ｂ２・Ｄ票</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　交付から　９０日</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600">
              <a:solidFill>
                <a:sysClr val="windowText" lastClr="000000"/>
              </a:solidFill>
              <a:latin typeface="ＭＳ ゴシック" pitchFamily="49" charset="-128"/>
              <a:ea typeface="ＭＳ ゴシック" pitchFamily="49" charset="-128"/>
            </a:rPr>
            <a:t>　</a:t>
          </a:r>
          <a:r>
            <a:rPr kumimoji="1" lang="en-US" altLang="ja-JP" sz="600">
              <a:solidFill>
                <a:sysClr val="windowText" lastClr="000000"/>
              </a:solidFill>
              <a:latin typeface="ＭＳ ゴシック" pitchFamily="49" charset="-128"/>
              <a:ea typeface="ＭＳ ゴシック" pitchFamily="49" charset="-128"/>
            </a:rPr>
            <a:t>※</a:t>
          </a:r>
          <a:r>
            <a:rPr kumimoji="1" lang="ja-JP" altLang="en-US" sz="600">
              <a:solidFill>
                <a:sysClr val="windowText" lastClr="000000"/>
              </a:solidFill>
              <a:latin typeface="ＭＳ ゴシック" pitchFamily="49" charset="-128"/>
              <a:ea typeface="ＭＳ ゴシック" pitchFamily="49" charset="-128"/>
            </a:rPr>
            <a:t>特別管理産廃は</a:t>
          </a:r>
          <a:r>
            <a:rPr kumimoji="1" lang="en-US" altLang="ja-JP" sz="600">
              <a:solidFill>
                <a:sysClr val="windowText" lastClr="000000"/>
              </a:solidFill>
              <a:latin typeface="ＭＳ ゴシック" pitchFamily="49" charset="-128"/>
              <a:ea typeface="ＭＳ ゴシック" pitchFamily="49" charset="-128"/>
            </a:rPr>
            <a:t>60</a:t>
          </a:r>
          <a:r>
            <a:rPr kumimoji="1" lang="ja-JP" altLang="en-US" sz="600">
              <a:solidFill>
                <a:sysClr val="windowText" lastClr="000000"/>
              </a:solidFill>
              <a:latin typeface="ＭＳ ゴシック" pitchFamily="49" charset="-128"/>
              <a:ea typeface="ＭＳ ゴシック" pitchFamily="49" charset="-128"/>
            </a:rPr>
            <a:t>日</a:t>
          </a:r>
          <a:endParaRPr kumimoji="1" lang="en-US" altLang="ja-JP" sz="600">
            <a:solidFill>
              <a:sysClr val="windowText" lastClr="000000"/>
            </a:solidFill>
            <a:latin typeface="ＭＳ ゴシック" pitchFamily="49" charset="-128"/>
            <a:ea typeface="ＭＳ ゴシック" pitchFamily="49" charset="-128"/>
          </a:endParaRPr>
        </a:p>
        <a:p>
          <a:pPr algn="l"/>
          <a:endParaRPr kumimoji="1" lang="en-US" altLang="ja-JP" sz="6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Ｅ票</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800">
              <a:solidFill>
                <a:sysClr val="windowText" lastClr="000000"/>
              </a:solidFill>
              <a:latin typeface="ＭＳ ゴシック" pitchFamily="49" charset="-128"/>
              <a:ea typeface="ＭＳ ゴシック" pitchFamily="49" charset="-128"/>
            </a:rPr>
            <a:t>　交付から１８０日</a:t>
          </a:r>
          <a:endParaRPr kumimoji="1" lang="en-US" altLang="ja-JP" sz="800">
            <a:solidFill>
              <a:sysClr val="windowText" lastClr="000000"/>
            </a:solidFill>
            <a:latin typeface="ＭＳ ゴシック" pitchFamily="49" charset="-128"/>
            <a:ea typeface="ＭＳ ゴシック" pitchFamily="49" charset="-128"/>
          </a:endParaRPr>
        </a:p>
        <a:p>
          <a:pPr algn="l"/>
          <a:r>
            <a:rPr kumimoji="1" lang="ja-JP" altLang="en-US" sz="900">
              <a:solidFill>
                <a:sysClr val="windowText" lastClr="000000"/>
              </a:solidFill>
              <a:latin typeface="ＭＳ ゴシック" pitchFamily="49" charset="-128"/>
              <a:ea typeface="ＭＳ ゴシック" pitchFamily="49" charset="-128"/>
            </a:rPr>
            <a:t>　　　</a:t>
          </a:r>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en-US" altLang="ja-JP" sz="900">
            <a:solidFill>
              <a:sysClr val="windowText" lastClr="000000"/>
            </a:solidFill>
            <a:latin typeface="ＭＳ ゴシック" pitchFamily="49" charset="-128"/>
            <a:ea typeface="ＭＳ ゴシック" pitchFamily="49" charset="-128"/>
          </a:endParaRPr>
        </a:p>
        <a:p>
          <a:pPr algn="l"/>
          <a:endParaRPr kumimoji="1" lang="ja-JP" altLang="en-US" sz="900">
            <a:solidFill>
              <a:sysClr val="windowText" lastClr="000000"/>
            </a:solidFill>
            <a:latin typeface="ＭＳ ゴシック" pitchFamily="49" charset="-128"/>
            <a:ea typeface="ＭＳ ゴシック" pitchFamily="49" charset="-128"/>
          </a:endParaRPr>
        </a:p>
      </xdr:txBody>
    </xdr:sp>
    <xdr:clientData/>
  </xdr:twoCellAnchor>
  <xdr:twoCellAnchor>
    <xdr:from>
      <xdr:col>1</xdr:col>
      <xdr:colOff>58737</xdr:colOff>
      <xdr:row>33</xdr:row>
      <xdr:rowOff>95250</xdr:rowOff>
    </xdr:from>
    <xdr:to>
      <xdr:col>13</xdr:col>
      <xdr:colOff>366712</xdr:colOff>
      <xdr:row>36</xdr:row>
      <xdr:rowOff>571500</xdr:rowOff>
    </xdr:to>
    <xdr:sp macro="" textlink="">
      <xdr:nvSpPr>
        <xdr:cNvPr id="7" name="正方形/長方形 6">
          <a:extLst>
            <a:ext uri="{FF2B5EF4-FFF2-40B4-BE49-F238E27FC236}">
              <a16:creationId xmlns:a16="http://schemas.microsoft.com/office/drawing/2014/main" id="{00000000-0008-0000-0C00-000007000000}"/>
            </a:ext>
          </a:extLst>
        </xdr:cNvPr>
        <xdr:cNvSpPr/>
      </xdr:nvSpPr>
      <xdr:spPr>
        <a:xfrm>
          <a:off x="487362" y="18827750"/>
          <a:ext cx="5451475" cy="2357438"/>
        </a:xfrm>
        <a:prstGeom prst="rect">
          <a:avLst/>
        </a:prstGeom>
        <a:solidFill>
          <a:schemeClr val="bg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tIns="36000" bIns="18000" rtlCol="0" anchor="t"/>
        <a:lstStyle/>
        <a:p>
          <a:r>
            <a:rPr kumimoji="1" lang="ja-JP" altLang="ja-JP" sz="1100" u="sng">
              <a:solidFill>
                <a:srgbClr val="C00000"/>
              </a:solidFill>
              <a:effectLst/>
              <a:latin typeface="+mn-lt"/>
              <a:ea typeface="+mn-ea"/>
              <a:cs typeface="+mn-cs"/>
            </a:rPr>
            <a:t>使用済小型電子機器等（★）</a:t>
          </a:r>
          <a:r>
            <a:rPr kumimoji="1" lang="ja-JP" altLang="ja-JP" sz="1100">
              <a:solidFill>
                <a:srgbClr val="C00000"/>
              </a:solidFill>
              <a:effectLst/>
              <a:latin typeface="+mn-lt"/>
              <a:ea typeface="+mn-ea"/>
              <a:cs typeface="+mn-cs"/>
            </a:rPr>
            <a:t>を排出する場合は、</a:t>
          </a:r>
          <a:r>
            <a:rPr kumimoji="1" lang="ja-JP" altLang="ja-JP" sz="1100" b="0" i="0" baseline="0">
              <a:solidFill>
                <a:srgbClr val="C00000"/>
              </a:solidFill>
              <a:effectLst/>
              <a:latin typeface="+mn-lt"/>
              <a:ea typeface="+mn-ea"/>
              <a:cs typeface="+mn-cs"/>
            </a:rPr>
            <a:t>国による再資源化計画の認定を受けた事業者</a:t>
          </a:r>
          <a:r>
            <a:rPr kumimoji="1" lang="ja-JP" altLang="ja-JP" sz="1100">
              <a:solidFill>
                <a:srgbClr val="C00000"/>
              </a:solidFill>
              <a:effectLst/>
              <a:latin typeface="+mn-lt"/>
              <a:ea typeface="+mn-ea"/>
              <a:cs typeface="+mn-cs"/>
            </a:rPr>
            <a:t>への引き渡しに努め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通常の産業廃棄物処理業者へ引き渡す場合は、知事等から許可を受けた収集・運搬業者及び処分業者であることを確認の上、使用済み小型電子機器等の収集・運搬及び処分を適正に実施し得る者に引き渡すよう努め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また、いずれの場合においても、このチェックリスト（廃棄物処理法の規定）に従って処理してください。</a:t>
          </a:r>
          <a:endParaRPr lang="ja-JP" altLang="ja-JP" sz="900">
            <a:solidFill>
              <a:srgbClr val="C00000"/>
            </a:solidFill>
            <a:effectLst/>
          </a:endParaRPr>
        </a:p>
        <a:p>
          <a:r>
            <a:rPr kumimoji="1" lang="ja-JP" altLang="ja-JP" sz="1100">
              <a:solidFill>
                <a:srgbClr val="C00000"/>
              </a:solidFill>
              <a:effectLst/>
              <a:latin typeface="+mn-lt"/>
              <a:ea typeface="+mn-ea"/>
              <a:cs typeface="+mn-cs"/>
            </a:rPr>
            <a:t>★　小型家電リサイクル法施行令第１条で規定（デジタルカメラ・プリンター・電子卓上計算機</a:t>
          </a:r>
          <a:r>
            <a:rPr kumimoji="1" lang="ja-JP" altLang="ja-JP" sz="1100" baseline="0">
              <a:solidFill>
                <a:srgbClr val="C00000"/>
              </a:solidFill>
              <a:effectLst/>
              <a:latin typeface="+mn-lt"/>
              <a:ea typeface="+mn-ea"/>
              <a:cs typeface="+mn-cs"/>
            </a:rPr>
            <a:t> 等） </a:t>
          </a:r>
          <a:endParaRPr lang="ja-JP" altLang="ja-JP" sz="900">
            <a:solidFill>
              <a:srgbClr val="C00000"/>
            </a:solidFill>
            <a:effectLst/>
          </a:endParaRPr>
        </a:p>
        <a:p>
          <a:r>
            <a:rPr kumimoji="1" lang="en-US" altLang="ja-JP" sz="1100" baseline="0">
              <a:solidFill>
                <a:srgbClr val="C00000"/>
              </a:solidFill>
              <a:effectLst/>
              <a:latin typeface="+mn-lt"/>
              <a:ea typeface="+mn-ea"/>
              <a:cs typeface="+mn-cs"/>
            </a:rPr>
            <a:t>※</a:t>
          </a:r>
          <a:r>
            <a:rPr kumimoji="1" lang="ja-JP" altLang="ja-JP" sz="1100" baseline="0">
              <a:solidFill>
                <a:srgbClr val="C00000"/>
              </a:solidFill>
              <a:effectLst/>
              <a:latin typeface="+mn-lt"/>
              <a:ea typeface="+mn-ea"/>
              <a:cs typeface="+mn-cs"/>
            </a:rPr>
            <a:t>　国による再資源化計画の認定を受けた事業者については、当該認定に係る使用済小型電子機器等の再資源化に必要な行為を行う場合には、知事等による許可は不要となっています。</a:t>
          </a:r>
          <a:endParaRPr lang="ja-JP" altLang="ja-JP" sz="900">
            <a:solidFill>
              <a:srgbClr val="C00000"/>
            </a:solidFill>
            <a:effectLst/>
          </a:endParaRPr>
        </a:p>
        <a:p>
          <a:pPr algn="l"/>
          <a:endParaRPr kumimoji="1" lang="en-US" altLang="ja-JP" sz="900" strike="sngStrike">
            <a:solidFill>
              <a:sysClr val="windowText" lastClr="000000"/>
            </a:solidFill>
          </a:endParaRPr>
        </a:p>
        <a:p>
          <a:pPr algn="l"/>
          <a:endParaRPr kumimoji="1" lang="ja-JP" altLang="en-US" sz="900">
            <a:solidFill>
              <a:sysClr val="windowText" lastClr="000000"/>
            </a:solidFill>
          </a:endParaRPr>
        </a:p>
      </xdr:txBody>
    </xdr:sp>
    <xdr:clientData/>
  </xdr:twoCellAnchor>
  <xdr:twoCellAnchor>
    <xdr:from>
      <xdr:col>6</xdr:col>
      <xdr:colOff>285750</xdr:colOff>
      <xdr:row>27</xdr:row>
      <xdr:rowOff>658813</xdr:rowOff>
    </xdr:from>
    <xdr:to>
      <xdr:col>13</xdr:col>
      <xdr:colOff>225956</xdr:colOff>
      <xdr:row>28</xdr:row>
      <xdr:rowOff>61386</xdr:rowOff>
    </xdr:to>
    <xdr:cxnSp macro="">
      <xdr:nvCxnSpPr>
        <xdr:cNvPr id="8" name="直線矢印コネクタ 7">
          <a:extLst>
            <a:ext uri="{FF2B5EF4-FFF2-40B4-BE49-F238E27FC236}">
              <a16:creationId xmlns:a16="http://schemas.microsoft.com/office/drawing/2014/main" id="{00000000-0008-0000-0C00-000008000000}"/>
            </a:ext>
          </a:extLst>
        </xdr:cNvPr>
        <xdr:cNvCxnSpPr>
          <a:stCxn id="6" idx="0"/>
        </xdr:cNvCxnSpPr>
      </xdr:nvCxnSpPr>
      <xdr:spPr>
        <a:xfrm flipH="1" flipV="1">
          <a:off x="2857500" y="15390813"/>
          <a:ext cx="2940581" cy="291573"/>
        </a:xfrm>
        <a:prstGeom prst="straightConnector1">
          <a:avLst/>
        </a:prstGeom>
        <a:ln>
          <a:tailEnd type="arrow"/>
        </a:ln>
      </xdr:spPr>
      <xdr:style>
        <a:lnRef idx="1">
          <a:schemeClr val="accent1"/>
        </a:lnRef>
        <a:fillRef idx="0">
          <a:schemeClr val="accent1"/>
        </a:fillRef>
        <a:effectRef idx="0">
          <a:schemeClr val="accent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9</xdr:col>
          <xdr:colOff>180975</xdr:colOff>
          <xdr:row>18</xdr:row>
          <xdr:rowOff>1638300</xdr:rowOff>
        </xdr:from>
        <xdr:to>
          <xdr:col>9</xdr:col>
          <xdr:colOff>180975</xdr:colOff>
          <xdr:row>19</xdr:row>
          <xdr:rowOff>1171575</xdr:rowOff>
        </xdr:to>
        <xdr:sp macro="" textlink="">
          <xdr:nvSpPr>
            <xdr:cNvPr id="17409" name="Object 1" hidden="1">
              <a:extLst>
                <a:ext uri="{63B3BB69-23CF-44E3-9099-C40C66FF867C}">
                  <a14:compatExt spid="_x0000_s17409"/>
                </a:ext>
                <a:ext uri="{FF2B5EF4-FFF2-40B4-BE49-F238E27FC236}">
                  <a16:creationId xmlns:a16="http://schemas.microsoft.com/office/drawing/2014/main" id="{00000000-0008-0000-0C00-000001440000}"/>
                </a:ext>
              </a:extLst>
            </xdr:cNvPr>
            <xdr:cNvSpPr/>
          </xdr:nvSpPr>
          <xdr:spPr bwMode="auto">
            <a:xfrm>
              <a:off x="0" y="0"/>
              <a:ext cx="0" cy="0"/>
            </a:xfrm>
            <a:prstGeom prst="rect">
              <a:avLst/>
            </a:prstGeom>
            <a:solidFill>
              <a:srgbClr val="DCE6F2"/>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04775</xdr:colOff>
          <xdr:row>19</xdr:row>
          <xdr:rowOff>28575</xdr:rowOff>
        </xdr:from>
        <xdr:to>
          <xdr:col>9</xdr:col>
          <xdr:colOff>104775</xdr:colOff>
          <xdr:row>19</xdr:row>
          <xdr:rowOff>1257300</xdr:rowOff>
        </xdr:to>
        <xdr:sp macro="" textlink="">
          <xdr:nvSpPr>
            <xdr:cNvPr id="17410" name="Object 2" hidden="1">
              <a:extLst>
                <a:ext uri="{63B3BB69-23CF-44E3-9099-C40C66FF867C}">
                  <a14:compatExt spid="_x0000_s17410"/>
                </a:ext>
                <a:ext uri="{FF2B5EF4-FFF2-40B4-BE49-F238E27FC236}">
                  <a16:creationId xmlns:a16="http://schemas.microsoft.com/office/drawing/2014/main" id="{00000000-0008-0000-0C00-000002440000}"/>
                </a:ext>
              </a:extLst>
            </xdr:cNvPr>
            <xdr:cNvSpPr/>
          </xdr:nvSpPr>
          <xdr:spPr bwMode="auto">
            <a:xfrm>
              <a:off x="0" y="0"/>
              <a:ext cx="0" cy="0"/>
            </a:xfrm>
            <a:prstGeom prst="rect">
              <a:avLst/>
            </a:prstGeom>
            <a:solidFill>
              <a:srgbClr val="DCE6F2"/>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9</xdr:col>
      <xdr:colOff>222250</xdr:colOff>
      <xdr:row>18</xdr:row>
      <xdr:rowOff>1484313</xdr:rowOff>
    </xdr:from>
    <xdr:to>
      <xdr:col>14</xdr:col>
      <xdr:colOff>184055</xdr:colOff>
      <xdr:row>19</xdr:row>
      <xdr:rowOff>1356926</xdr:rowOff>
    </xdr:to>
    <xdr:pic>
      <xdr:nvPicPr>
        <xdr:cNvPr id="9" name="図 8">
          <a:extLst>
            <a:ext uri="{FF2B5EF4-FFF2-40B4-BE49-F238E27FC236}">
              <a16:creationId xmlns:a16="http://schemas.microsoft.com/office/drawing/2014/main" id="{00000000-0008-0000-0C00-000009000000}"/>
            </a:ext>
          </a:extLst>
        </xdr:cNvPr>
        <xdr:cNvPicPr>
          <a:picLocks noChangeAspect="1"/>
        </xdr:cNvPicPr>
      </xdr:nvPicPr>
      <xdr:blipFill>
        <a:blip xmlns:r="http://schemas.openxmlformats.org/officeDocument/2006/relationships" r:embed="rId1"/>
        <a:stretch>
          <a:fillRect/>
        </a:stretch>
      </xdr:blipFill>
      <xdr:spPr>
        <a:xfrm>
          <a:off x="4079875" y="6469063"/>
          <a:ext cx="2104930" cy="1523613"/>
        </a:xfrm>
        <a:prstGeom prst="rect">
          <a:avLst/>
        </a:prstGeom>
      </xdr:spPr>
    </xdr:pic>
    <xdr:clientData/>
  </xdr:twoCellAnchor>
  <xdr:twoCellAnchor>
    <xdr:from>
      <xdr:col>1</xdr:col>
      <xdr:colOff>31225</xdr:colOff>
      <xdr:row>30</xdr:row>
      <xdr:rowOff>71438</xdr:rowOff>
    </xdr:from>
    <xdr:to>
      <xdr:col>13</xdr:col>
      <xdr:colOff>336025</xdr:colOff>
      <xdr:row>32</xdr:row>
      <xdr:rowOff>666750</xdr:rowOff>
    </xdr:to>
    <xdr:sp macro="" textlink="">
      <xdr:nvSpPr>
        <xdr:cNvPr id="13" name="テキスト ボックス 12">
          <a:extLst>
            <a:ext uri="{FF2B5EF4-FFF2-40B4-BE49-F238E27FC236}">
              <a16:creationId xmlns:a16="http://schemas.microsoft.com/office/drawing/2014/main" id="{00000000-0008-0000-0C00-00000D000000}"/>
            </a:ext>
          </a:extLst>
        </xdr:cNvPr>
        <xdr:cNvSpPr txBox="1"/>
      </xdr:nvSpPr>
      <xdr:spPr>
        <a:xfrm>
          <a:off x="459850" y="16867188"/>
          <a:ext cx="5448300" cy="1770062"/>
        </a:xfrm>
        <a:prstGeom prst="rect">
          <a:avLst/>
        </a:prstGeom>
        <a:solidFill>
          <a:schemeClr val="bg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1100" u="sng">
              <a:solidFill>
                <a:srgbClr val="C00000"/>
              </a:solidFill>
            </a:rPr>
            <a:t>使用済特定家庭用機器（☆）</a:t>
          </a:r>
          <a:r>
            <a:rPr kumimoji="1" lang="ja-JP" altLang="en-US" sz="1100">
              <a:solidFill>
                <a:srgbClr val="C00000"/>
              </a:solidFill>
            </a:rPr>
            <a:t>を排出する場合は、①購入店に引取を依頼、②（買換えの場合は）新機器購入店に引取を依頼、③（処分のみで購入店が不明又は不存在の場合は）指定引取場所へ持ち込み（</a:t>
          </a:r>
          <a:r>
            <a:rPr kumimoji="1" lang="ja-JP" altLang="ja-JP" sz="1100">
              <a:solidFill>
                <a:srgbClr val="C00000"/>
              </a:solidFill>
              <a:effectLst/>
              <a:latin typeface="+mn-lt"/>
              <a:ea typeface="+mn-ea"/>
              <a:cs typeface="+mn-cs"/>
            </a:rPr>
            <a:t>又は持ち込みを委託</a:t>
          </a:r>
          <a:r>
            <a:rPr kumimoji="1" lang="ja-JP" altLang="en-US" sz="1100">
              <a:solidFill>
                <a:srgbClr val="C00000"/>
              </a:solidFill>
            </a:rPr>
            <a:t>）します。</a:t>
          </a:r>
          <a:br>
            <a:rPr kumimoji="1" lang="ja-JP" altLang="en-US" sz="1100">
              <a:solidFill>
                <a:srgbClr val="C00000"/>
              </a:solidFill>
            </a:rPr>
          </a:br>
          <a:r>
            <a:rPr kumimoji="1" lang="ja-JP" altLang="en-US" sz="1100">
              <a:solidFill>
                <a:srgbClr val="C00000"/>
              </a:solidFill>
            </a:rPr>
            <a:t>③の持ち込みを委託する場合は、</a:t>
          </a:r>
          <a:r>
            <a:rPr kumimoji="1" lang="ja-JP" altLang="ja-JP" sz="1100">
              <a:solidFill>
                <a:srgbClr val="C00000"/>
              </a:solidFill>
              <a:effectLst/>
              <a:latin typeface="+mn-lt"/>
              <a:ea typeface="+mn-ea"/>
              <a:cs typeface="+mn-cs"/>
            </a:rPr>
            <a:t>知事等から許可を受けた収集・運搬業者</a:t>
          </a:r>
          <a:r>
            <a:rPr kumimoji="1" lang="ja-JP" altLang="en-US" sz="1100">
              <a:solidFill>
                <a:srgbClr val="C00000"/>
              </a:solidFill>
              <a:effectLst/>
              <a:latin typeface="+mn-lt"/>
              <a:ea typeface="+mn-ea"/>
              <a:cs typeface="+mn-cs"/>
            </a:rPr>
            <a:t>と契約してください。</a:t>
          </a:r>
          <a:br>
            <a:rPr kumimoji="1" lang="ja-JP" altLang="en-US" sz="1100">
              <a:solidFill>
                <a:srgbClr val="C00000"/>
              </a:solidFill>
              <a:effectLst/>
              <a:latin typeface="+mn-lt"/>
              <a:ea typeface="+mn-ea"/>
              <a:cs typeface="+mn-cs"/>
            </a:rPr>
          </a:br>
          <a:r>
            <a:rPr kumimoji="1" lang="ja-JP" altLang="en-US" sz="1100">
              <a:solidFill>
                <a:srgbClr val="C00000"/>
              </a:solidFill>
              <a:effectLst/>
              <a:latin typeface="+mn-lt"/>
              <a:ea typeface="+mn-ea"/>
              <a:cs typeface="+mn-cs"/>
            </a:rPr>
            <a:t>また、排出者（県）は、いずれの場合もリサイクル料金と、（直接指定引取場所へ持ち込んだ場合を除き）収集・運搬料金を負担します。</a:t>
          </a:r>
          <a:br>
            <a:rPr kumimoji="1" lang="ja-JP" altLang="en-US" sz="1100">
              <a:solidFill>
                <a:srgbClr val="C00000"/>
              </a:solidFill>
              <a:effectLst/>
              <a:latin typeface="+mn-lt"/>
              <a:ea typeface="+mn-ea"/>
              <a:cs typeface="+mn-cs"/>
            </a:rPr>
          </a:br>
          <a:r>
            <a:rPr kumimoji="1" lang="ja-JP" altLang="en-US" sz="1100">
              <a:solidFill>
                <a:srgbClr val="C00000"/>
              </a:solidFill>
              <a:effectLst/>
              <a:latin typeface="+mn-lt"/>
              <a:ea typeface="+mn-ea"/>
              <a:cs typeface="+mn-cs"/>
            </a:rPr>
            <a:t>☆家電リサイクル法施行令第１条で規定（ユニット形エアコン、テレビ、冷蔵庫（冷凍庫を含む）、洗濯機（乾燥機を含む））</a:t>
          </a:r>
          <a:endParaRPr kumimoji="1" lang="ja-JP" altLang="en-US" sz="1100">
            <a:solidFill>
              <a:srgbClr val="C00000"/>
            </a:solidFill>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2</xdr:col>
      <xdr:colOff>63501</xdr:colOff>
      <xdr:row>16</xdr:row>
      <xdr:rowOff>992186</xdr:rowOff>
    </xdr:from>
    <xdr:to>
      <xdr:col>14</xdr:col>
      <xdr:colOff>365127</xdr:colOff>
      <xdr:row>16</xdr:row>
      <xdr:rowOff>1531936</xdr:rowOff>
    </xdr:to>
    <xdr:sp macro="" textlink="">
      <xdr:nvSpPr>
        <xdr:cNvPr id="2" name="四角形吹き出し 1">
          <a:extLst>
            <a:ext uri="{FF2B5EF4-FFF2-40B4-BE49-F238E27FC236}">
              <a16:creationId xmlns:a16="http://schemas.microsoft.com/office/drawing/2014/main" id="{00000000-0008-0000-0D00-000002000000}"/>
            </a:ext>
          </a:extLst>
        </xdr:cNvPr>
        <xdr:cNvSpPr/>
      </xdr:nvSpPr>
      <xdr:spPr>
        <a:xfrm>
          <a:off x="5207001" y="3675061"/>
          <a:ext cx="1158876" cy="539750"/>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7960</xdr:colOff>
      <xdr:row>17</xdr:row>
      <xdr:rowOff>955659</xdr:rowOff>
    </xdr:from>
    <xdr:to>
      <xdr:col>14</xdr:col>
      <xdr:colOff>295273</xdr:colOff>
      <xdr:row>18</xdr:row>
      <xdr:rowOff>161908</xdr:rowOff>
    </xdr:to>
    <xdr:sp macro="" textlink="">
      <xdr:nvSpPr>
        <xdr:cNvPr id="3" name="四角形吹き出し 2">
          <a:extLst>
            <a:ext uri="{FF2B5EF4-FFF2-40B4-BE49-F238E27FC236}">
              <a16:creationId xmlns:a16="http://schemas.microsoft.com/office/drawing/2014/main" id="{00000000-0008-0000-0D00-000003000000}"/>
            </a:ext>
          </a:extLst>
        </xdr:cNvPr>
        <xdr:cNvSpPr/>
      </xdr:nvSpPr>
      <xdr:spPr>
        <a:xfrm>
          <a:off x="4922835" y="5413359"/>
          <a:ext cx="1373188" cy="596899"/>
        </a:xfrm>
        <a:prstGeom prst="wedgeRectCallout">
          <a:avLst>
            <a:gd name="adj1" fmla="val 19868"/>
            <a:gd name="adj2" fmla="val -116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333377</xdr:colOff>
      <xdr:row>20</xdr:row>
      <xdr:rowOff>55562</xdr:rowOff>
    </xdr:from>
    <xdr:to>
      <xdr:col>14</xdr:col>
      <xdr:colOff>63502</xdr:colOff>
      <xdr:row>21</xdr:row>
      <xdr:rowOff>571500</xdr:rowOff>
    </xdr:to>
    <xdr:sp macro="" textlink="">
      <xdr:nvSpPr>
        <xdr:cNvPr id="4" name="正方形/長方形 3">
          <a:extLst>
            <a:ext uri="{FF2B5EF4-FFF2-40B4-BE49-F238E27FC236}">
              <a16:creationId xmlns:a16="http://schemas.microsoft.com/office/drawing/2014/main" id="{00000000-0008-0000-0D00-000004000000}"/>
            </a:ext>
          </a:extLst>
        </xdr:cNvPr>
        <xdr:cNvSpPr/>
      </xdr:nvSpPr>
      <xdr:spPr>
        <a:xfrm>
          <a:off x="333377" y="8794750"/>
          <a:ext cx="5730875" cy="1143000"/>
        </a:xfrm>
        <a:prstGeom prst="rect">
          <a:avLst/>
        </a:prstGeom>
        <a:solidFill>
          <a:schemeClr val="accent1">
            <a:lumMod val="20000"/>
            <a:lumOff val="80000"/>
          </a:schemeClr>
        </a:solidFill>
        <a:ln>
          <a:solidFill>
            <a:schemeClr val="accent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参考</a:t>
          </a:r>
          <a:r>
            <a:rPr kumimoji="1" lang="en-US" altLang="ja-JP" sz="1000">
              <a:solidFill>
                <a:sysClr val="windowText" lastClr="000000"/>
              </a:solidFill>
            </a:rPr>
            <a:t>】</a:t>
          </a:r>
          <a:r>
            <a:rPr kumimoji="1" lang="ja-JP" altLang="en-US" sz="1000">
              <a:solidFill>
                <a:sysClr val="windowText" lastClr="000000"/>
              </a:solidFill>
            </a:rPr>
            <a:t>特別管理産業廃棄物の種類</a:t>
          </a:r>
          <a:endParaRPr kumimoji="1" lang="en-US" altLang="ja-JP" sz="1000">
            <a:solidFill>
              <a:sysClr val="windowText" lastClr="000000"/>
            </a:solidFill>
          </a:endParaRPr>
        </a:p>
        <a:p>
          <a:pPr algn="l"/>
          <a:r>
            <a:rPr kumimoji="1" lang="ja-JP" altLang="en-US" sz="900">
              <a:solidFill>
                <a:sysClr val="windowText" lastClr="000000"/>
              </a:solidFill>
            </a:rPr>
            <a:t>○廃油（引火性廃油）</a:t>
          </a:r>
          <a:endParaRPr kumimoji="1" lang="en-US" altLang="ja-JP" sz="900">
            <a:solidFill>
              <a:sysClr val="windowText" lastClr="000000"/>
            </a:solidFill>
          </a:endParaRPr>
        </a:p>
        <a:p>
          <a:pPr algn="l"/>
          <a:r>
            <a:rPr kumimoji="1" lang="ja-JP" altLang="en-US" sz="900">
              <a:solidFill>
                <a:sysClr val="windowText" lastClr="000000"/>
              </a:solidFill>
            </a:rPr>
            <a:t>○廃酸（廃強酸）</a:t>
          </a:r>
          <a:endParaRPr kumimoji="1" lang="en-US" altLang="ja-JP" sz="900">
            <a:solidFill>
              <a:sysClr val="windowText" lastClr="000000"/>
            </a:solidFill>
          </a:endParaRPr>
        </a:p>
        <a:p>
          <a:pPr algn="l"/>
          <a:r>
            <a:rPr kumimoji="1" lang="ja-JP" altLang="en-US" sz="900">
              <a:solidFill>
                <a:sysClr val="windowText" lastClr="000000"/>
              </a:solidFill>
            </a:rPr>
            <a:t>○廃アルカリ（廃強アルカリ）</a:t>
          </a:r>
          <a:endParaRPr kumimoji="1" lang="en-US" altLang="ja-JP" sz="900">
            <a:solidFill>
              <a:sysClr val="windowText" lastClr="000000"/>
            </a:solidFill>
          </a:endParaRPr>
        </a:p>
        <a:p>
          <a:pPr algn="l"/>
          <a:r>
            <a:rPr kumimoji="1" lang="ja-JP" altLang="en-US" sz="900">
              <a:solidFill>
                <a:sysClr val="windowText" lastClr="000000"/>
              </a:solidFill>
            </a:rPr>
            <a:t>○感染性産業廃棄物</a:t>
          </a:r>
          <a:endParaRPr kumimoji="1" lang="en-US" altLang="ja-JP" sz="900">
            <a:solidFill>
              <a:sysClr val="windowText" lastClr="000000"/>
            </a:solidFill>
          </a:endParaRPr>
        </a:p>
        <a:p>
          <a:pPr rtl="0" eaLnBrk="1" fontAlgn="auto" latinLnBrk="0" hangingPunct="1"/>
          <a:r>
            <a:rPr kumimoji="1" lang="ja-JP" altLang="en-US" sz="900">
              <a:solidFill>
                <a:sysClr val="windowText" lastClr="000000"/>
              </a:solidFill>
            </a:rPr>
            <a:t>○特定有害産業廃棄物</a:t>
          </a:r>
          <a:r>
            <a:rPr kumimoji="1" lang="ja-JP" altLang="en-US" sz="900" baseline="0">
              <a:solidFill>
                <a:sysClr val="windowText" lastClr="000000"/>
              </a:solidFill>
              <a:latin typeface="+mn-ea"/>
              <a:ea typeface="+mn-ea"/>
            </a:rPr>
            <a:t> </a:t>
          </a:r>
          <a:r>
            <a:rPr kumimoji="1" lang="ja-JP" altLang="en-US" sz="900">
              <a:solidFill>
                <a:sysClr val="windowText" lastClr="000000"/>
              </a:solidFill>
              <a:latin typeface="+mn-ea"/>
              <a:ea typeface="+mn-ea"/>
            </a:rPr>
            <a:t>（</a:t>
          </a:r>
          <a:r>
            <a:rPr kumimoji="1" lang="ja-JP" altLang="ja-JP" sz="900">
              <a:solidFill>
                <a:sysClr val="windowText" lastClr="000000"/>
              </a:solidFill>
              <a:latin typeface="+mn-ea"/>
              <a:ea typeface="+mn-ea"/>
              <a:cs typeface="+mn-cs"/>
            </a:rPr>
            <a:t>廃</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汚染物、</a:t>
          </a:r>
          <a:r>
            <a:rPr kumimoji="1" lang="en-US" altLang="ja-JP" sz="900">
              <a:solidFill>
                <a:sysClr val="windowText" lastClr="000000"/>
              </a:solidFill>
              <a:latin typeface="+mn-ea"/>
              <a:ea typeface="+mn-ea"/>
              <a:cs typeface="+mn-cs"/>
            </a:rPr>
            <a:t>PCB</a:t>
          </a:r>
          <a:r>
            <a:rPr kumimoji="1" lang="ja-JP" altLang="ja-JP" sz="900">
              <a:solidFill>
                <a:sysClr val="windowText" lastClr="000000"/>
              </a:solidFill>
              <a:latin typeface="+mn-ea"/>
              <a:ea typeface="+mn-ea"/>
              <a:cs typeface="+mn-cs"/>
            </a:rPr>
            <a:t>処理物、</a:t>
          </a:r>
          <a:r>
            <a:rPr kumimoji="1" lang="ja-JP" altLang="en-US" sz="900">
              <a:solidFill>
                <a:sysClr val="windowText" lastClr="000000"/>
              </a:solidFill>
              <a:latin typeface="+mn-ea"/>
              <a:ea typeface="+mn-ea"/>
              <a:cs typeface="+mn-cs"/>
            </a:rPr>
            <a:t>廃水銀等、廃石綿等、その他の特定有害産業廃棄物）</a:t>
          </a:r>
          <a:endParaRPr kumimoji="1" lang="ja-JP" altLang="en-US" sz="800">
            <a:solidFill>
              <a:sysClr val="windowText" lastClr="000000"/>
            </a:solidFill>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246063</xdr:colOff>
      <xdr:row>25</xdr:row>
      <xdr:rowOff>87312</xdr:rowOff>
    </xdr:from>
    <xdr:to>
      <xdr:col>1</xdr:col>
      <xdr:colOff>174626</xdr:colOff>
      <xdr:row>25</xdr:row>
      <xdr:rowOff>428625</xdr:rowOff>
    </xdr:to>
    <xdr:sp macro="" textlink="">
      <xdr:nvSpPr>
        <xdr:cNvPr id="2" name="下矢印 1">
          <a:extLst>
            <a:ext uri="{FF2B5EF4-FFF2-40B4-BE49-F238E27FC236}">
              <a16:creationId xmlns:a16="http://schemas.microsoft.com/office/drawing/2014/main" id="{00000000-0008-0000-0E00-000002000000}"/>
            </a:ext>
          </a:extLst>
        </xdr:cNvPr>
        <xdr:cNvSpPr/>
      </xdr:nvSpPr>
      <xdr:spPr>
        <a:xfrm>
          <a:off x="246063" y="11536362"/>
          <a:ext cx="357188" cy="341313"/>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xdr:col>
      <xdr:colOff>317492</xdr:colOff>
      <xdr:row>25</xdr:row>
      <xdr:rowOff>127002</xdr:rowOff>
    </xdr:from>
    <xdr:to>
      <xdr:col>14</xdr:col>
      <xdr:colOff>333374</xdr:colOff>
      <xdr:row>25</xdr:row>
      <xdr:rowOff>428627</xdr:rowOff>
    </xdr:to>
    <xdr:sp macro="" textlink="">
      <xdr:nvSpPr>
        <xdr:cNvPr id="3" name="テキスト ボックス 2">
          <a:extLst>
            <a:ext uri="{FF2B5EF4-FFF2-40B4-BE49-F238E27FC236}">
              <a16:creationId xmlns:a16="http://schemas.microsoft.com/office/drawing/2014/main" id="{00000000-0008-0000-0E00-000003000000}"/>
            </a:ext>
          </a:extLst>
        </xdr:cNvPr>
        <xdr:cNvSpPr txBox="1"/>
      </xdr:nvSpPr>
      <xdr:spPr>
        <a:xfrm>
          <a:off x="746117" y="11576052"/>
          <a:ext cx="6102357" cy="3016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HG丸ｺﾞｼｯｸM-PRO" pitchFamily="50" charset="-128"/>
              <a:ea typeface="HG丸ｺﾞｼｯｸM-PRO" pitchFamily="50" charset="-128"/>
            </a:rPr>
            <a:t>上記の義務を事業者（県）として確実に履行するため、以下を順守してください。</a:t>
          </a:r>
          <a:endParaRPr kumimoji="1" lang="en-US" altLang="ja-JP" sz="1100">
            <a:latin typeface="HG丸ｺﾞｼｯｸM-PRO" pitchFamily="50" charset="-128"/>
            <a:ea typeface="HG丸ｺﾞｼｯｸM-PRO" pitchFamily="50" charset="-128"/>
          </a:endParaRPr>
        </a:p>
      </xdr:txBody>
    </xdr:sp>
    <xdr:clientData/>
  </xdr:twoCellAnchor>
  <xdr:twoCellAnchor>
    <xdr:from>
      <xdr:col>0</xdr:col>
      <xdr:colOff>338955</xdr:colOff>
      <xdr:row>30</xdr:row>
      <xdr:rowOff>314326</xdr:rowOff>
    </xdr:from>
    <xdr:to>
      <xdr:col>8</xdr:col>
      <xdr:colOff>203201</xdr:colOff>
      <xdr:row>32</xdr:row>
      <xdr:rowOff>647700</xdr:rowOff>
    </xdr:to>
    <xdr:sp macro="" textlink="">
      <xdr:nvSpPr>
        <xdr:cNvPr id="5" name="テキスト ボックス 4">
          <a:extLst>
            <a:ext uri="{FF2B5EF4-FFF2-40B4-BE49-F238E27FC236}">
              <a16:creationId xmlns:a16="http://schemas.microsoft.com/office/drawing/2014/main" id="{00000000-0008-0000-0E00-000005000000}"/>
            </a:ext>
          </a:extLst>
        </xdr:cNvPr>
        <xdr:cNvSpPr txBox="1"/>
      </xdr:nvSpPr>
      <xdr:spPr>
        <a:xfrm>
          <a:off x="338955" y="15509876"/>
          <a:ext cx="3267846" cy="1660524"/>
        </a:xfrm>
        <a:prstGeom prst="rect">
          <a:avLst/>
        </a:prstGeom>
        <a:solidFill>
          <a:schemeClr val="bg1">
            <a:lumMod val="95000"/>
          </a:schemeClr>
        </a:solidFill>
        <a:ln w="2857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800"/>
            <a:t>【</a:t>
          </a:r>
          <a:r>
            <a:rPr kumimoji="1" lang="ja-JP" altLang="en-US" sz="800"/>
            <a:t>参考</a:t>
          </a:r>
          <a:r>
            <a:rPr kumimoji="1" lang="en-US" altLang="ja-JP" sz="800"/>
            <a:t>】</a:t>
          </a:r>
          <a:r>
            <a:rPr kumimoji="1" lang="ja-JP" altLang="en-US" sz="800"/>
            <a:t>ＰＣＢ廃棄物に係る情報</a:t>
          </a:r>
          <a:endParaRPr kumimoji="1" lang="en-US" altLang="ja-JP" sz="800"/>
        </a:p>
        <a:p>
          <a:endParaRPr kumimoji="1" lang="en-US" altLang="ja-JP" sz="800">
            <a:solidFill>
              <a:sysClr val="windowText" lastClr="000000"/>
            </a:solidFill>
          </a:endParaRPr>
        </a:p>
        <a:p>
          <a:r>
            <a:rPr kumimoji="1" lang="ja-JP" altLang="en-US" sz="800">
              <a:solidFill>
                <a:sysClr val="windowText" lastClr="000000"/>
              </a:solidFill>
            </a:rPr>
            <a:t>■ＰＣＢ廃棄物について（県ホームページ）</a:t>
          </a:r>
          <a:endParaRPr kumimoji="1" lang="en-US" altLang="ja-JP" sz="800">
            <a:solidFill>
              <a:sysClr val="windowText" lastClr="000000"/>
            </a:solidFill>
          </a:endParaRPr>
        </a:p>
        <a:p>
          <a:r>
            <a:rPr kumimoji="1" lang="en-US" altLang="ja-JP" sz="800">
              <a:solidFill>
                <a:sysClr val="windowText" lastClr="000000"/>
              </a:solidFill>
            </a:rPr>
            <a:t>https://www.pref.kanagawa.jp/docs/p3k/cnt/f7649/index.html</a:t>
          </a:r>
        </a:p>
        <a:p>
          <a:endParaRPr kumimoji="1" lang="en-US" altLang="ja-JP" sz="800">
            <a:solidFill>
              <a:sysClr val="windowText" lastClr="000000"/>
            </a:solidFill>
          </a:endParaRPr>
        </a:p>
        <a:p>
          <a:r>
            <a:rPr kumimoji="1" lang="ja-JP" altLang="en-US" sz="800">
              <a:solidFill>
                <a:sysClr val="windowText" lastClr="000000"/>
              </a:solidFill>
            </a:rPr>
            <a:t>■ＰＣＢ廃棄物の保管等の届出について（県</a:t>
          </a:r>
          <a:r>
            <a:rPr kumimoji="1" lang="ja-JP" altLang="en-US" sz="800">
              <a:solidFill>
                <a:schemeClr val="tx1"/>
              </a:solidFill>
            </a:rPr>
            <a:t>ホームページ</a:t>
          </a:r>
          <a:r>
            <a:rPr kumimoji="1" lang="ja-JP" altLang="en-US" sz="800">
              <a:solidFill>
                <a:sysClr val="windowText" lastClr="000000"/>
              </a:solidFill>
            </a:rPr>
            <a:t>）</a:t>
          </a:r>
          <a:endParaRPr kumimoji="1" lang="en-US" altLang="ja-JP" sz="800">
            <a:solidFill>
              <a:sysClr val="windowText" lastClr="000000"/>
            </a:solidFill>
          </a:endParaRPr>
        </a:p>
        <a:p>
          <a:r>
            <a:rPr kumimoji="1" lang="en-US" altLang="ja-JP" sz="800">
              <a:solidFill>
                <a:sysClr val="windowText" lastClr="000000"/>
              </a:solidFill>
            </a:rPr>
            <a:t>https://www.pref.kanagawa.jp/docs/p3k/cnt/f4147/index.html</a:t>
          </a:r>
        </a:p>
        <a:p>
          <a:endParaRPr kumimoji="1" lang="en-US" altLang="ja-JP" sz="800">
            <a:solidFill>
              <a:sysClr val="windowText" lastClr="00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800" b="0" i="0" u="none" strike="noStrike" kern="0" cap="none" spc="0" normalizeH="0" baseline="0" noProof="0">
              <a:ln>
                <a:noFill/>
              </a:ln>
              <a:solidFill>
                <a:schemeClr val="tx1"/>
              </a:solidFill>
              <a:effectLst/>
              <a:uLnTx/>
              <a:uFillTx/>
              <a:latin typeface="+mn-lt"/>
              <a:ea typeface="+mn-ea"/>
              <a:cs typeface="+mn-cs"/>
            </a:rPr>
            <a:t>ＰＣＢ廃棄物処理に係る手続き（処理要領等）</a:t>
          </a:r>
          <a:endParaRPr kumimoji="1" lang="en-US" altLang="ja-JP" sz="800" b="0" i="0" u="none" strike="noStrike" kern="0" cap="none" spc="0" normalizeH="0" baseline="0" noProof="0">
            <a:ln>
              <a:noFill/>
            </a:ln>
            <a:solidFill>
              <a:schemeClr val="tx1"/>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chemeClr val="tx1"/>
              </a:solidFill>
              <a:effectLst/>
              <a:uLnTx/>
              <a:uFillTx/>
              <a:latin typeface="+mn-lt"/>
              <a:ea typeface="+mn-ea"/>
              <a:cs typeface="+mn-cs"/>
            </a:rPr>
            <a:t>　「グループウエア」　＞　庁内向けポータル一覧　＞　低濃度</a:t>
          </a: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ＰＣＢ処理ポータル</a:t>
          </a:r>
          <a:endParaRPr kumimoji="1" lang="en-US" altLang="ja-JP" sz="8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n-lt"/>
              <a:ea typeface="+mn-ea"/>
              <a:cs typeface="+mn-cs"/>
            </a:rPr>
            <a:t>（警察本部の施設は総務部施設課へご相談ください。）</a:t>
          </a:r>
        </a:p>
        <a:p>
          <a:endParaRPr kumimoji="1" lang="en-US" altLang="ja-JP" sz="800">
            <a:solidFill>
              <a:sysClr val="windowText" lastClr="000000"/>
            </a:solidFill>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2</xdr:col>
      <xdr:colOff>63500</xdr:colOff>
      <xdr:row>16</xdr:row>
      <xdr:rowOff>349250</xdr:rowOff>
    </xdr:from>
    <xdr:to>
      <xdr:col>14</xdr:col>
      <xdr:colOff>365126</xdr:colOff>
      <xdr:row>17</xdr:row>
      <xdr:rowOff>261937</xdr:rowOff>
    </xdr:to>
    <xdr:sp macro="" textlink="">
      <xdr:nvSpPr>
        <xdr:cNvPr id="2" name="四角形吹き出し 1">
          <a:extLst>
            <a:ext uri="{FF2B5EF4-FFF2-40B4-BE49-F238E27FC236}">
              <a16:creationId xmlns:a16="http://schemas.microsoft.com/office/drawing/2014/main" id="{00000000-0008-0000-0F00-000002000000}"/>
            </a:ext>
          </a:extLst>
        </xdr:cNvPr>
        <xdr:cNvSpPr/>
      </xdr:nvSpPr>
      <xdr:spPr>
        <a:xfrm>
          <a:off x="5207000" y="3101975"/>
          <a:ext cx="1158876" cy="541337"/>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06374</xdr:colOff>
      <xdr:row>18</xdr:row>
      <xdr:rowOff>63498</xdr:rowOff>
    </xdr:from>
    <xdr:to>
      <xdr:col>14</xdr:col>
      <xdr:colOff>293687</xdr:colOff>
      <xdr:row>19</xdr:row>
      <xdr:rowOff>31748</xdr:rowOff>
    </xdr:to>
    <xdr:sp macro="" textlink="">
      <xdr:nvSpPr>
        <xdr:cNvPr id="3" name="四角形吹き出し 2">
          <a:extLst>
            <a:ext uri="{FF2B5EF4-FFF2-40B4-BE49-F238E27FC236}">
              <a16:creationId xmlns:a16="http://schemas.microsoft.com/office/drawing/2014/main" id="{00000000-0008-0000-0F00-000003000000}"/>
            </a:ext>
          </a:extLst>
        </xdr:cNvPr>
        <xdr:cNvSpPr/>
      </xdr:nvSpPr>
      <xdr:spPr>
        <a:xfrm>
          <a:off x="4921249" y="4073523"/>
          <a:ext cx="1373188" cy="59690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2</xdr:col>
      <xdr:colOff>71438</xdr:colOff>
      <xdr:row>16</xdr:row>
      <xdr:rowOff>349250</xdr:rowOff>
    </xdr:from>
    <xdr:to>
      <xdr:col>14</xdr:col>
      <xdr:colOff>373064</xdr:colOff>
      <xdr:row>17</xdr:row>
      <xdr:rowOff>317499</xdr:rowOff>
    </xdr:to>
    <xdr:sp macro="" textlink="">
      <xdr:nvSpPr>
        <xdr:cNvPr id="2" name="四角形吹き出し 1">
          <a:extLst>
            <a:ext uri="{FF2B5EF4-FFF2-40B4-BE49-F238E27FC236}">
              <a16:creationId xmlns:a16="http://schemas.microsoft.com/office/drawing/2014/main" id="{00000000-0008-0000-1000-000002000000}"/>
            </a:ext>
          </a:extLst>
        </xdr:cNvPr>
        <xdr:cNvSpPr/>
      </xdr:nvSpPr>
      <xdr:spPr>
        <a:xfrm>
          <a:off x="5214938" y="2881313"/>
          <a:ext cx="1158876" cy="539749"/>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6</xdr:colOff>
      <xdr:row>20</xdr:row>
      <xdr:rowOff>333374</xdr:rowOff>
    </xdr:from>
    <xdr:to>
      <xdr:col>14</xdr:col>
      <xdr:colOff>373069</xdr:colOff>
      <xdr:row>21</xdr:row>
      <xdr:rowOff>357186</xdr:rowOff>
    </xdr:to>
    <xdr:sp macro="" textlink="">
      <xdr:nvSpPr>
        <xdr:cNvPr id="3" name="四角形吹き出し 2">
          <a:extLst>
            <a:ext uri="{FF2B5EF4-FFF2-40B4-BE49-F238E27FC236}">
              <a16:creationId xmlns:a16="http://schemas.microsoft.com/office/drawing/2014/main" id="{00000000-0008-0000-1000-000003000000}"/>
            </a:ext>
          </a:extLst>
        </xdr:cNvPr>
        <xdr:cNvSpPr/>
      </xdr:nvSpPr>
      <xdr:spPr>
        <a:xfrm>
          <a:off x="5000631" y="5151437"/>
          <a:ext cx="1373188" cy="595312"/>
        </a:xfrm>
        <a:prstGeom prst="wedgeRectCallout">
          <a:avLst>
            <a:gd name="adj1" fmla="val 33741"/>
            <a:gd name="adj2" fmla="val -326225"/>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2</xdr:col>
      <xdr:colOff>63501</xdr:colOff>
      <xdr:row>16</xdr:row>
      <xdr:rowOff>373062</xdr:rowOff>
    </xdr:from>
    <xdr:to>
      <xdr:col>14</xdr:col>
      <xdr:colOff>365127</xdr:colOff>
      <xdr:row>17</xdr:row>
      <xdr:rowOff>286000</xdr:rowOff>
    </xdr:to>
    <xdr:sp macro="" textlink="">
      <xdr:nvSpPr>
        <xdr:cNvPr id="2" name="四角形吹き出し 1">
          <a:extLst>
            <a:ext uri="{FF2B5EF4-FFF2-40B4-BE49-F238E27FC236}">
              <a16:creationId xmlns:a16="http://schemas.microsoft.com/office/drawing/2014/main" id="{00000000-0008-0000-1100-000002000000}"/>
            </a:ext>
          </a:extLst>
        </xdr:cNvPr>
        <xdr:cNvSpPr/>
      </xdr:nvSpPr>
      <xdr:spPr>
        <a:xfrm>
          <a:off x="5207001" y="2906712"/>
          <a:ext cx="1158876" cy="541588"/>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u="none">
              <a:solidFill>
                <a:sysClr val="windowText" lastClr="000000"/>
              </a:solidFill>
            </a:rPr>
            <a:t>①順守、②不順守、</a:t>
          </a:r>
          <a:endParaRPr kumimoji="1" lang="en-US" altLang="ja-JP" sz="800" u="none">
            <a:solidFill>
              <a:sysClr val="windowText" lastClr="000000"/>
            </a:solidFill>
          </a:endParaRPr>
        </a:p>
        <a:p>
          <a:pPr algn="l"/>
          <a:r>
            <a:rPr kumimoji="1" lang="ja-JP" altLang="en-US" sz="800" u="none">
              <a:solidFill>
                <a:sysClr val="windowText" lastClr="000000"/>
              </a:solidFill>
            </a:rPr>
            <a:t>③該当無、のリスト</a:t>
          </a:r>
          <a:endParaRPr kumimoji="1" lang="en-US" altLang="ja-JP" sz="800" u="none">
            <a:solidFill>
              <a:sysClr val="windowText" lastClr="000000"/>
            </a:solidFill>
          </a:endParaRPr>
        </a:p>
        <a:p>
          <a:pPr algn="l"/>
          <a:r>
            <a:rPr kumimoji="1" lang="ja-JP" altLang="en-US" sz="800" u="none">
              <a:solidFill>
                <a:sysClr val="windowText" lastClr="000000"/>
              </a:solidFill>
            </a:rPr>
            <a:t>から選択してください</a:t>
          </a:r>
        </a:p>
      </xdr:txBody>
    </xdr:sp>
    <xdr:clientData/>
  </xdr:twoCellAnchor>
  <xdr:twoCellAnchor>
    <xdr:from>
      <xdr:col>12</xdr:col>
      <xdr:colOff>82550</xdr:colOff>
      <xdr:row>18</xdr:row>
      <xdr:rowOff>492125</xdr:rowOff>
    </xdr:from>
    <xdr:to>
      <xdr:col>14</xdr:col>
      <xdr:colOff>357188</xdr:colOff>
      <xdr:row>19</xdr:row>
      <xdr:rowOff>862542</xdr:rowOff>
    </xdr:to>
    <xdr:sp macro="" textlink="">
      <xdr:nvSpPr>
        <xdr:cNvPr id="3" name="四角形吹き出し 2">
          <a:extLst>
            <a:ext uri="{FF2B5EF4-FFF2-40B4-BE49-F238E27FC236}">
              <a16:creationId xmlns:a16="http://schemas.microsoft.com/office/drawing/2014/main" id="{00000000-0008-0000-1100-000003000000}"/>
            </a:ext>
          </a:extLst>
        </xdr:cNvPr>
        <xdr:cNvSpPr/>
      </xdr:nvSpPr>
      <xdr:spPr>
        <a:xfrm>
          <a:off x="5162550" y="5371042"/>
          <a:ext cx="1121305" cy="1254125"/>
        </a:xfrm>
        <a:prstGeom prst="wedgeRectCallout">
          <a:avLst>
            <a:gd name="adj1" fmla="val 36631"/>
            <a:gd name="adj2" fmla="val -79133"/>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u="none">
              <a:solidFill>
                <a:sysClr val="windowText" lastClr="000000"/>
              </a:solidFill>
            </a:rPr>
            <a:t>順守状況を確認した文書や、取組を実施した年月日などを記載してください</a:t>
          </a:r>
        </a:p>
      </xdr:txBody>
    </xdr:sp>
    <xdr:clientData/>
  </xdr:twoCellAnchor>
</xdr:wsDr>
</file>

<file path=xl/drawings/drawing17.xml><?xml version="1.0" encoding="utf-8"?>
<xdr:wsDr xmlns:xdr="http://schemas.openxmlformats.org/drawingml/2006/spreadsheetDrawing" xmlns:a="http://schemas.openxmlformats.org/drawingml/2006/main">
  <xdr:twoCellAnchor>
    <xdr:from>
      <xdr:col>12</xdr:col>
      <xdr:colOff>39688</xdr:colOff>
      <xdr:row>16</xdr:row>
      <xdr:rowOff>484187</xdr:rowOff>
    </xdr:from>
    <xdr:to>
      <xdr:col>14</xdr:col>
      <xdr:colOff>341314</xdr:colOff>
      <xdr:row>17</xdr:row>
      <xdr:rowOff>396874</xdr:rowOff>
    </xdr:to>
    <xdr:sp macro="" textlink="">
      <xdr:nvSpPr>
        <xdr:cNvPr id="2" name="四角形吹き出し 1">
          <a:extLst>
            <a:ext uri="{FF2B5EF4-FFF2-40B4-BE49-F238E27FC236}">
              <a16:creationId xmlns:a16="http://schemas.microsoft.com/office/drawing/2014/main" id="{00000000-0008-0000-1200-000002000000}"/>
            </a:ext>
          </a:extLst>
        </xdr:cNvPr>
        <xdr:cNvSpPr/>
      </xdr:nvSpPr>
      <xdr:spPr>
        <a:xfrm>
          <a:off x="5183188" y="3016250"/>
          <a:ext cx="1158876" cy="539749"/>
        </a:xfrm>
        <a:prstGeom prst="wedgeRectCallout">
          <a:avLst>
            <a:gd name="adj1" fmla="val -35609"/>
            <a:gd name="adj2" fmla="val -132380"/>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2</xdr:col>
      <xdr:colOff>55563</xdr:colOff>
      <xdr:row>16</xdr:row>
      <xdr:rowOff>357183</xdr:rowOff>
    </xdr:from>
    <xdr:to>
      <xdr:col>14</xdr:col>
      <xdr:colOff>357189</xdr:colOff>
      <xdr:row>17</xdr:row>
      <xdr:rowOff>270121</xdr:rowOff>
    </xdr:to>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5199063" y="2889246"/>
          <a:ext cx="1158876" cy="540000"/>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93807</xdr:colOff>
      <xdr:row>18</xdr:row>
      <xdr:rowOff>116895</xdr:rowOff>
    </xdr:from>
    <xdr:to>
      <xdr:col>14</xdr:col>
      <xdr:colOff>181120</xdr:colOff>
      <xdr:row>19</xdr:row>
      <xdr:rowOff>108958</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4856307" y="4489736"/>
          <a:ext cx="1386177" cy="624177"/>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2</xdr:col>
      <xdr:colOff>55563</xdr:colOff>
      <xdr:row>16</xdr:row>
      <xdr:rowOff>436563</xdr:rowOff>
    </xdr:from>
    <xdr:to>
      <xdr:col>14</xdr:col>
      <xdr:colOff>357189</xdr:colOff>
      <xdr:row>17</xdr:row>
      <xdr:rowOff>349501</xdr:rowOff>
    </xdr:to>
    <xdr:sp macro="" textlink="">
      <xdr:nvSpPr>
        <xdr:cNvPr id="2" name="四角形吹き出し 1">
          <a:extLst>
            <a:ext uri="{FF2B5EF4-FFF2-40B4-BE49-F238E27FC236}">
              <a16:creationId xmlns:a16="http://schemas.microsoft.com/office/drawing/2014/main" id="{00000000-0008-0000-0300-000002000000}"/>
            </a:ext>
          </a:extLst>
        </xdr:cNvPr>
        <xdr:cNvSpPr/>
      </xdr:nvSpPr>
      <xdr:spPr>
        <a:xfrm>
          <a:off x="5199063" y="2836863"/>
          <a:ext cx="1158876" cy="541588"/>
        </a:xfrm>
        <a:prstGeom prst="wedgeRectCallout">
          <a:avLst>
            <a:gd name="adj1" fmla="val -37664"/>
            <a:gd name="adj2" fmla="val -9601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15875</xdr:colOff>
      <xdr:row>18</xdr:row>
      <xdr:rowOff>222259</xdr:rowOff>
    </xdr:from>
    <xdr:to>
      <xdr:col>14</xdr:col>
      <xdr:colOff>404813</xdr:colOff>
      <xdr:row>19</xdr:row>
      <xdr:rowOff>47625</xdr:rowOff>
    </xdr:to>
    <xdr:sp macro="" textlink="">
      <xdr:nvSpPr>
        <xdr:cNvPr id="3" name="四角形吹き出し 2">
          <a:extLst>
            <a:ext uri="{FF2B5EF4-FFF2-40B4-BE49-F238E27FC236}">
              <a16:creationId xmlns:a16="http://schemas.microsoft.com/office/drawing/2014/main" id="{00000000-0008-0000-0300-000003000000}"/>
            </a:ext>
          </a:extLst>
        </xdr:cNvPr>
        <xdr:cNvSpPr/>
      </xdr:nvSpPr>
      <xdr:spPr>
        <a:xfrm>
          <a:off x="5159375" y="4070359"/>
          <a:ext cx="1246188" cy="663566"/>
        </a:xfrm>
        <a:prstGeom prst="wedgeRectCallout">
          <a:avLst>
            <a:gd name="adj1" fmla="val 27382"/>
            <a:gd name="adj2" fmla="val -13120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87313</xdr:colOff>
      <xdr:row>33</xdr:row>
      <xdr:rowOff>87316</xdr:rowOff>
    </xdr:from>
    <xdr:to>
      <xdr:col>14</xdr:col>
      <xdr:colOff>341313</xdr:colOff>
      <xdr:row>38</xdr:row>
      <xdr:rowOff>57150</xdr:rowOff>
    </xdr:to>
    <xdr:sp macro="" textlink="">
      <xdr:nvSpPr>
        <xdr:cNvPr id="4" name="角丸四角形 3">
          <a:extLst>
            <a:ext uri="{FF2B5EF4-FFF2-40B4-BE49-F238E27FC236}">
              <a16:creationId xmlns:a16="http://schemas.microsoft.com/office/drawing/2014/main" id="{00000000-0008-0000-0300-000004000000}"/>
            </a:ext>
          </a:extLst>
        </xdr:cNvPr>
        <xdr:cNvSpPr/>
      </xdr:nvSpPr>
      <xdr:spPr>
        <a:xfrm>
          <a:off x="87313" y="9478966"/>
          <a:ext cx="6254750" cy="779459"/>
        </a:xfrm>
        <a:prstGeom prst="roundRect">
          <a:avLst/>
        </a:prstGeom>
        <a:noFill/>
        <a:ln>
          <a:solidFill>
            <a:schemeClr val="tx1">
              <a:lumMod val="75000"/>
              <a:lumOff val="25000"/>
            </a:schemeClr>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9</xdr:col>
      <xdr:colOff>47624</xdr:colOff>
      <xdr:row>34</xdr:row>
      <xdr:rowOff>160340</xdr:rowOff>
    </xdr:from>
    <xdr:to>
      <xdr:col>14</xdr:col>
      <xdr:colOff>271462</xdr:colOff>
      <xdr:row>37</xdr:row>
      <xdr:rowOff>95250</xdr:rowOff>
    </xdr:to>
    <xdr:sp macro="" textlink="">
      <xdr:nvSpPr>
        <xdr:cNvPr id="5" name="角丸四角形吹き出し 4">
          <a:extLst>
            <a:ext uri="{FF2B5EF4-FFF2-40B4-BE49-F238E27FC236}">
              <a16:creationId xmlns:a16="http://schemas.microsoft.com/office/drawing/2014/main" id="{00000000-0008-0000-0300-000005000000}"/>
            </a:ext>
          </a:extLst>
        </xdr:cNvPr>
        <xdr:cNvSpPr/>
      </xdr:nvSpPr>
      <xdr:spPr>
        <a:xfrm>
          <a:off x="3857624" y="11288715"/>
          <a:ext cx="2372255" cy="474660"/>
        </a:xfrm>
        <a:prstGeom prst="wedgeRoundRectCallout">
          <a:avLst>
            <a:gd name="adj1" fmla="val -62705"/>
            <a:gd name="adj2" fmla="val -21956"/>
            <a:gd name="adj3" fmla="val 16667"/>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72000" tIns="18000" rIns="72000" bIns="18000" rtlCol="0" anchor="t"/>
        <a:lstStyle/>
        <a:p>
          <a:pPr algn="l"/>
          <a:r>
            <a:rPr kumimoji="1" lang="ja-JP" altLang="en-US" sz="900" b="1">
              <a:solidFill>
                <a:sysClr val="windowText" lastClr="000000"/>
              </a:solidFill>
              <a:latin typeface="ＭＳ ゴシック" pitchFamily="49" charset="-128"/>
              <a:ea typeface="ＭＳ ゴシック" pitchFamily="49" charset="-128"/>
            </a:rPr>
            <a:t>注</a:t>
          </a:r>
          <a:r>
            <a:rPr kumimoji="1" lang="ja-JP" altLang="en-US" sz="900" b="1" baseline="0">
              <a:solidFill>
                <a:sysClr val="windowText" lastClr="000000"/>
              </a:solidFill>
              <a:latin typeface="ＭＳ ゴシック" pitchFamily="49" charset="-128"/>
              <a:ea typeface="ＭＳ ゴシック" pitchFamily="49" charset="-128"/>
            </a:rPr>
            <a:t>：</a:t>
          </a:r>
          <a:r>
            <a:rPr kumimoji="1" lang="ja-JP" altLang="en-US" sz="900" b="1">
              <a:solidFill>
                <a:sysClr val="windowText" lastClr="000000"/>
              </a:solidFill>
              <a:latin typeface="ＭＳ ゴシック" pitchFamily="49" charset="-128"/>
              <a:ea typeface="ＭＳ ゴシック" pitchFamily="49" charset="-128"/>
            </a:rPr>
            <a:t>平成</a:t>
          </a:r>
          <a:r>
            <a:rPr kumimoji="1" lang="en-US" altLang="ja-JP" sz="900" b="1">
              <a:solidFill>
                <a:sysClr val="windowText" lastClr="000000"/>
              </a:solidFill>
              <a:latin typeface="ＭＳ ゴシック" pitchFamily="49" charset="-128"/>
              <a:ea typeface="ＭＳ ゴシック" pitchFamily="49" charset="-128"/>
            </a:rPr>
            <a:t>27</a:t>
          </a:r>
          <a:r>
            <a:rPr kumimoji="1" lang="ja-JP" altLang="en-US" sz="900" b="1">
              <a:solidFill>
                <a:sysClr val="windowText" lastClr="000000"/>
              </a:solidFill>
              <a:latin typeface="ＭＳ ゴシック" pitchFamily="49" charset="-128"/>
              <a:ea typeface="ＭＳ ゴシック" pitchFamily="49" charset="-128"/>
            </a:rPr>
            <a:t>年４月から、</a:t>
          </a:r>
          <a:endParaRPr kumimoji="1" lang="en-US" altLang="ja-JP" sz="900" b="1">
            <a:solidFill>
              <a:sysClr val="windowText" lastClr="000000"/>
            </a:solidFill>
            <a:latin typeface="ＭＳ ゴシック" pitchFamily="49" charset="-128"/>
            <a:ea typeface="ＭＳ ゴシック" pitchFamily="49" charset="-128"/>
          </a:endParaRPr>
        </a:p>
        <a:p>
          <a:pPr algn="l"/>
          <a:r>
            <a:rPr kumimoji="1" lang="ja-JP" altLang="en-US" sz="900" b="1">
              <a:solidFill>
                <a:sysClr val="windowText" lastClr="000000"/>
              </a:solidFill>
              <a:latin typeface="ＭＳ ゴシック" pitchFamily="49" charset="-128"/>
              <a:ea typeface="ＭＳ ゴシック" pitchFamily="49" charset="-128"/>
            </a:rPr>
            <a:t>　　点検が義務化されました。</a:t>
          </a:r>
          <a:endParaRPr kumimoji="1" lang="en-US" altLang="ja-JP" sz="900" b="1">
            <a:solidFill>
              <a:sysClr val="windowText" lastClr="000000"/>
            </a:solidFill>
            <a:latin typeface="ＭＳ ゴシック" pitchFamily="49" charset="-128"/>
            <a:ea typeface="ＭＳ ゴシック" pitchFamily="49"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2</xdr:col>
      <xdr:colOff>39688</xdr:colOff>
      <xdr:row>16</xdr:row>
      <xdr:rowOff>396868</xdr:rowOff>
    </xdr:from>
    <xdr:to>
      <xdr:col>14</xdr:col>
      <xdr:colOff>341314</xdr:colOff>
      <xdr:row>16</xdr:row>
      <xdr:rowOff>952500</xdr:rowOff>
    </xdr:to>
    <xdr:sp macro="" textlink="">
      <xdr:nvSpPr>
        <xdr:cNvPr id="2" name="四角形吹き出し 1">
          <a:extLst>
            <a:ext uri="{FF2B5EF4-FFF2-40B4-BE49-F238E27FC236}">
              <a16:creationId xmlns:a16="http://schemas.microsoft.com/office/drawing/2014/main" id="{00000000-0008-0000-0400-000002000000}"/>
            </a:ext>
          </a:extLst>
        </xdr:cNvPr>
        <xdr:cNvSpPr/>
      </xdr:nvSpPr>
      <xdr:spPr>
        <a:xfrm>
          <a:off x="5183188" y="2930518"/>
          <a:ext cx="1158876" cy="555632"/>
        </a:xfrm>
        <a:prstGeom prst="wedgeRectCallout">
          <a:avLst>
            <a:gd name="adj1" fmla="val -34239"/>
            <a:gd name="adj2" fmla="val -10592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8</xdr:colOff>
      <xdr:row>18</xdr:row>
      <xdr:rowOff>79382</xdr:rowOff>
    </xdr:from>
    <xdr:to>
      <xdr:col>14</xdr:col>
      <xdr:colOff>373071</xdr:colOff>
      <xdr:row>19</xdr:row>
      <xdr:rowOff>79382</xdr:rowOff>
    </xdr:to>
    <xdr:sp macro="" textlink="">
      <xdr:nvSpPr>
        <xdr:cNvPr id="3" name="四角形吹き出し 2">
          <a:extLst>
            <a:ext uri="{FF2B5EF4-FFF2-40B4-BE49-F238E27FC236}">
              <a16:creationId xmlns:a16="http://schemas.microsoft.com/office/drawing/2014/main" id="{00000000-0008-0000-0400-000003000000}"/>
            </a:ext>
          </a:extLst>
        </xdr:cNvPr>
        <xdr:cNvSpPr/>
      </xdr:nvSpPr>
      <xdr:spPr>
        <a:xfrm>
          <a:off x="5000633" y="4251332"/>
          <a:ext cx="1373188" cy="62865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2</xdr:col>
      <xdr:colOff>39688</xdr:colOff>
      <xdr:row>16</xdr:row>
      <xdr:rowOff>396868</xdr:rowOff>
    </xdr:from>
    <xdr:to>
      <xdr:col>14</xdr:col>
      <xdr:colOff>341314</xdr:colOff>
      <xdr:row>16</xdr:row>
      <xdr:rowOff>952500</xdr:rowOff>
    </xdr:to>
    <xdr:sp macro="" textlink="">
      <xdr:nvSpPr>
        <xdr:cNvPr id="2" name="四角形吹き出し 1">
          <a:extLst>
            <a:ext uri="{FF2B5EF4-FFF2-40B4-BE49-F238E27FC236}">
              <a16:creationId xmlns:a16="http://schemas.microsoft.com/office/drawing/2014/main" id="{00000000-0008-0000-0500-000002000000}"/>
            </a:ext>
          </a:extLst>
        </xdr:cNvPr>
        <xdr:cNvSpPr/>
      </xdr:nvSpPr>
      <xdr:spPr>
        <a:xfrm>
          <a:off x="5160328" y="3505828"/>
          <a:ext cx="1155066" cy="555632"/>
        </a:xfrm>
        <a:prstGeom prst="wedgeRectCallout">
          <a:avLst>
            <a:gd name="adj1" fmla="val -34239"/>
            <a:gd name="adj2" fmla="val -10592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85758</xdr:colOff>
      <xdr:row>18</xdr:row>
      <xdr:rowOff>79382</xdr:rowOff>
    </xdr:from>
    <xdr:to>
      <xdr:col>14</xdr:col>
      <xdr:colOff>373071</xdr:colOff>
      <xdr:row>19</xdr:row>
      <xdr:rowOff>79382</xdr:rowOff>
    </xdr:to>
    <xdr:sp macro="" textlink="">
      <xdr:nvSpPr>
        <xdr:cNvPr id="3" name="四角形吹き出し 2">
          <a:extLst>
            <a:ext uri="{FF2B5EF4-FFF2-40B4-BE49-F238E27FC236}">
              <a16:creationId xmlns:a16="http://schemas.microsoft.com/office/drawing/2014/main" id="{00000000-0008-0000-0500-000003000000}"/>
            </a:ext>
          </a:extLst>
        </xdr:cNvPr>
        <xdr:cNvSpPr/>
      </xdr:nvSpPr>
      <xdr:spPr>
        <a:xfrm>
          <a:off x="4979678" y="5542922"/>
          <a:ext cx="1367473" cy="632460"/>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2</xdr:col>
      <xdr:colOff>71438</xdr:colOff>
      <xdr:row>16</xdr:row>
      <xdr:rowOff>500052</xdr:rowOff>
    </xdr:from>
    <xdr:to>
      <xdr:col>14</xdr:col>
      <xdr:colOff>373064</xdr:colOff>
      <xdr:row>17</xdr:row>
      <xdr:rowOff>412990</xdr:rowOff>
    </xdr:to>
    <xdr:sp macro="" textlink="">
      <xdr:nvSpPr>
        <xdr:cNvPr id="2" name="四角形吹き出し 1">
          <a:extLst>
            <a:ext uri="{FF2B5EF4-FFF2-40B4-BE49-F238E27FC236}">
              <a16:creationId xmlns:a16="http://schemas.microsoft.com/office/drawing/2014/main" id="{00000000-0008-0000-0600-000002000000}"/>
            </a:ext>
          </a:extLst>
        </xdr:cNvPr>
        <xdr:cNvSpPr/>
      </xdr:nvSpPr>
      <xdr:spPr>
        <a:xfrm>
          <a:off x="5214938" y="3032115"/>
          <a:ext cx="1158876" cy="540000"/>
        </a:xfrm>
        <a:prstGeom prst="wedgeRectCallout">
          <a:avLst>
            <a:gd name="adj1" fmla="val -32869"/>
            <a:gd name="adj2" fmla="val -97102"/>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54001</xdr:colOff>
      <xdr:row>18</xdr:row>
      <xdr:rowOff>476250</xdr:rowOff>
    </xdr:from>
    <xdr:to>
      <xdr:col>14</xdr:col>
      <xdr:colOff>341314</xdr:colOff>
      <xdr:row>19</xdr:row>
      <xdr:rowOff>460375</xdr:rowOff>
    </xdr:to>
    <xdr:sp macro="" textlink="">
      <xdr:nvSpPr>
        <xdr:cNvPr id="3" name="四角形吹き出し 2">
          <a:extLst>
            <a:ext uri="{FF2B5EF4-FFF2-40B4-BE49-F238E27FC236}">
              <a16:creationId xmlns:a16="http://schemas.microsoft.com/office/drawing/2014/main" id="{00000000-0008-0000-0600-000003000000}"/>
            </a:ext>
          </a:extLst>
        </xdr:cNvPr>
        <xdr:cNvSpPr/>
      </xdr:nvSpPr>
      <xdr:spPr>
        <a:xfrm>
          <a:off x="4968876" y="4262438"/>
          <a:ext cx="1373188" cy="611187"/>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7625</xdr:colOff>
      <xdr:row>23</xdr:row>
      <xdr:rowOff>31748</xdr:rowOff>
    </xdr:from>
    <xdr:to>
      <xdr:col>9</xdr:col>
      <xdr:colOff>309563</xdr:colOff>
      <xdr:row>23</xdr:row>
      <xdr:rowOff>706437</xdr:rowOff>
    </xdr:to>
    <xdr:sp macro="" textlink="">
      <xdr:nvSpPr>
        <xdr:cNvPr id="4" name="大かっこ 3">
          <a:extLst>
            <a:ext uri="{FF2B5EF4-FFF2-40B4-BE49-F238E27FC236}">
              <a16:creationId xmlns:a16="http://schemas.microsoft.com/office/drawing/2014/main" id="{00000000-0008-0000-0600-000004000000}"/>
            </a:ext>
          </a:extLst>
        </xdr:cNvPr>
        <xdr:cNvSpPr/>
      </xdr:nvSpPr>
      <xdr:spPr>
        <a:xfrm>
          <a:off x="47625" y="7286623"/>
          <a:ext cx="4119563" cy="67468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2</xdr:col>
      <xdr:colOff>95250</xdr:colOff>
      <xdr:row>16</xdr:row>
      <xdr:rowOff>101602</xdr:rowOff>
    </xdr:from>
    <xdr:to>
      <xdr:col>14</xdr:col>
      <xdr:colOff>396876</xdr:colOff>
      <xdr:row>16</xdr:row>
      <xdr:rowOff>714376</xdr:rowOff>
    </xdr:to>
    <xdr:sp macro="" textlink="">
      <xdr:nvSpPr>
        <xdr:cNvPr id="2" name="四角形吹き出し 1">
          <a:extLst>
            <a:ext uri="{FF2B5EF4-FFF2-40B4-BE49-F238E27FC236}">
              <a16:creationId xmlns:a16="http://schemas.microsoft.com/office/drawing/2014/main" id="{00000000-0008-0000-0800-000002000000}"/>
            </a:ext>
          </a:extLst>
        </xdr:cNvPr>
        <xdr:cNvSpPr/>
      </xdr:nvSpPr>
      <xdr:spPr>
        <a:xfrm>
          <a:off x="5238750" y="2635252"/>
          <a:ext cx="1158876" cy="612774"/>
        </a:xfrm>
        <a:prstGeom prst="wedgeRectCallout">
          <a:avLst>
            <a:gd name="adj1" fmla="val -47938"/>
            <a:gd name="adj2" fmla="val 61109"/>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2</xdr:col>
      <xdr:colOff>34397</xdr:colOff>
      <xdr:row>16</xdr:row>
      <xdr:rowOff>889000</xdr:rowOff>
    </xdr:from>
    <xdr:to>
      <xdr:col>14</xdr:col>
      <xdr:colOff>359833</xdr:colOff>
      <xdr:row>17</xdr:row>
      <xdr:rowOff>309562</xdr:rowOff>
    </xdr:to>
    <xdr:sp macro="" textlink="">
      <xdr:nvSpPr>
        <xdr:cNvPr id="3" name="四角形吹き出し 2">
          <a:extLst>
            <a:ext uri="{FF2B5EF4-FFF2-40B4-BE49-F238E27FC236}">
              <a16:creationId xmlns:a16="http://schemas.microsoft.com/office/drawing/2014/main" id="{00000000-0008-0000-0800-000003000000}"/>
            </a:ext>
          </a:extLst>
        </xdr:cNvPr>
        <xdr:cNvSpPr/>
      </xdr:nvSpPr>
      <xdr:spPr>
        <a:xfrm>
          <a:off x="5114397" y="4000500"/>
          <a:ext cx="1172103" cy="637645"/>
        </a:xfrm>
        <a:prstGeom prst="wedgeRectCallout">
          <a:avLst>
            <a:gd name="adj1" fmla="val -41403"/>
            <a:gd name="adj2" fmla="val 18523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1</xdr:col>
      <xdr:colOff>301626</xdr:colOff>
      <xdr:row>19</xdr:row>
      <xdr:rowOff>127001</xdr:rowOff>
    </xdr:from>
    <xdr:to>
      <xdr:col>14</xdr:col>
      <xdr:colOff>388939</xdr:colOff>
      <xdr:row>19</xdr:row>
      <xdr:rowOff>627063</xdr:rowOff>
    </xdr:to>
    <xdr:sp macro="" textlink="">
      <xdr:nvSpPr>
        <xdr:cNvPr id="3" name="四角形吹き出し 2">
          <a:extLst>
            <a:ext uri="{FF2B5EF4-FFF2-40B4-BE49-F238E27FC236}">
              <a16:creationId xmlns:a16="http://schemas.microsoft.com/office/drawing/2014/main" id="{00000000-0008-0000-0900-000003000000}"/>
            </a:ext>
          </a:extLst>
        </xdr:cNvPr>
        <xdr:cNvSpPr/>
      </xdr:nvSpPr>
      <xdr:spPr>
        <a:xfrm>
          <a:off x="5016501" y="5270501"/>
          <a:ext cx="1373188" cy="500062"/>
        </a:xfrm>
        <a:prstGeom prst="wedgeRectCallout">
          <a:avLst>
            <a:gd name="adj1" fmla="val 32007"/>
            <a:gd name="adj2" fmla="val -238225"/>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11</xdr:col>
      <xdr:colOff>420689</xdr:colOff>
      <xdr:row>16</xdr:row>
      <xdr:rowOff>474344</xdr:rowOff>
    </xdr:from>
    <xdr:to>
      <xdr:col>14</xdr:col>
      <xdr:colOff>280988</xdr:colOff>
      <xdr:row>17</xdr:row>
      <xdr:rowOff>369888</xdr:rowOff>
    </xdr:to>
    <xdr:sp macro="" textlink="">
      <xdr:nvSpPr>
        <xdr:cNvPr id="4" name="四角形吹き出し 3">
          <a:extLst>
            <a:ext uri="{FF2B5EF4-FFF2-40B4-BE49-F238E27FC236}">
              <a16:creationId xmlns:a16="http://schemas.microsoft.com/office/drawing/2014/main" id="{00000000-0008-0000-0900-000004000000}"/>
            </a:ext>
          </a:extLst>
        </xdr:cNvPr>
        <xdr:cNvSpPr/>
      </xdr:nvSpPr>
      <xdr:spPr>
        <a:xfrm>
          <a:off x="5135564" y="3577907"/>
          <a:ext cx="1146174" cy="522606"/>
        </a:xfrm>
        <a:prstGeom prst="wedgeRectCallout">
          <a:avLst>
            <a:gd name="adj1" fmla="val -35609"/>
            <a:gd name="adj2" fmla="val -98556"/>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2</xdr:col>
      <xdr:colOff>47625</xdr:colOff>
      <xdr:row>16</xdr:row>
      <xdr:rowOff>515937</xdr:rowOff>
    </xdr:from>
    <xdr:to>
      <xdr:col>14</xdr:col>
      <xdr:colOff>349251</xdr:colOff>
      <xdr:row>17</xdr:row>
      <xdr:rowOff>428624</xdr:rowOff>
    </xdr:to>
    <xdr:sp macro="" textlink="">
      <xdr:nvSpPr>
        <xdr:cNvPr id="2" name="四角形吹き出し 1">
          <a:extLst>
            <a:ext uri="{FF2B5EF4-FFF2-40B4-BE49-F238E27FC236}">
              <a16:creationId xmlns:a16="http://schemas.microsoft.com/office/drawing/2014/main" id="{00000000-0008-0000-0A00-000002000000}"/>
            </a:ext>
          </a:extLst>
        </xdr:cNvPr>
        <xdr:cNvSpPr/>
      </xdr:nvSpPr>
      <xdr:spPr>
        <a:xfrm>
          <a:off x="5191125" y="3048000"/>
          <a:ext cx="1158876" cy="539749"/>
        </a:xfrm>
        <a:prstGeom prst="wedgeRectCallout">
          <a:avLst>
            <a:gd name="adj1" fmla="val -40404"/>
            <a:gd name="adj2" fmla="val -101497"/>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①順守、②不順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③該当無、のリスト</a:t>
          </a:r>
          <a:endParaRPr kumimoji="1" lang="en-US" altLang="ja-JP" sz="800">
            <a:solidFill>
              <a:schemeClr val="tx2">
                <a:lumMod val="60000"/>
                <a:lumOff val="40000"/>
              </a:schemeClr>
            </a:solidFill>
          </a:endParaRPr>
        </a:p>
        <a:p>
          <a:pPr algn="l"/>
          <a:r>
            <a:rPr kumimoji="1" lang="ja-JP" altLang="en-US" sz="800">
              <a:solidFill>
                <a:schemeClr val="tx2">
                  <a:lumMod val="60000"/>
                  <a:lumOff val="40000"/>
                </a:schemeClr>
              </a:solidFill>
            </a:rPr>
            <a:t>から選択してください</a:t>
          </a:r>
        </a:p>
      </xdr:txBody>
    </xdr:sp>
    <xdr:clientData/>
  </xdr:twoCellAnchor>
  <xdr:twoCellAnchor>
    <xdr:from>
      <xdr:col>11</xdr:col>
      <xdr:colOff>238126</xdr:colOff>
      <xdr:row>18</xdr:row>
      <xdr:rowOff>246063</xdr:rowOff>
    </xdr:from>
    <xdr:to>
      <xdr:col>14</xdr:col>
      <xdr:colOff>325439</xdr:colOff>
      <xdr:row>19</xdr:row>
      <xdr:rowOff>214313</xdr:rowOff>
    </xdr:to>
    <xdr:sp macro="" textlink="">
      <xdr:nvSpPr>
        <xdr:cNvPr id="3" name="四角形吹き出し 2">
          <a:extLst>
            <a:ext uri="{FF2B5EF4-FFF2-40B4-BE49-F238E27FC236}">
              <a16:creationId xmlns:a16="http://schemas.microsoft.com/office/drawing/2014/main" id="{00000000-0008-0000-0A00-000003000000}"/>
            </a:ext>
          </a:extLst>
        </xdr:cNvPr>
        <xdr:cNvSpPr/>
      </xdr:nvSpPr>
      <xdr:spPr>
        <a:xfrm>
          <a:off x="4953001" y="4032251"/>
          <a:ext cx="1373188" cy="595312"/>
        </a:xfrm>
        <a:prstGeom prst="wedgeRectCallout">
          <a:avLst>
            <a:gd name="adj1" fmla="val 34897"/>
            <a:gd name="adj2" fmla="val -104891"/>
          </a:avLst>
        </a:prstGeom>
        <a:solidFill>
          <a:schemeClr val="bg1"/>
        </a:solidFill>
        <a:ln w="635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lstStyle/>
        <a:p>
          <a:pPr algn="l"/>
          <a:r>
            <a:rPr kumimoji="1" lang="ja-JP" altLang="en-US" sz="800">
              <a:solidFill>
                <a:schemeClr val="tx2">
                  <a:lumMod val="60000"/>
                  <a:lumOff val="40000"/>
                </a:schemeClr>
              </a:solidFill>
            </a:rPr>
            <a:t>順守状況を確認した文書や、取組を実施した年月日などを記載してください</a:t>
          </a:r>
        </a:p>
      </xdr:txBody>
    </xdr:sp>
    <xdr:clientData/>
  </xdr:twoCellAnchor>
  <xdr:twoCellAnchor>
    <xdr:from>
      <xdr:col>0</xdr:col>
      <xdr:colOff>47625</xdr:colOff>
      <xdr:row>24</xdr:row>
      <xdr:rowOff>23810</xdr:rowOff>
    </xdr:from>
    <xdr:to>
      <xdr:col>10</xdr:col>
      <xdr:colOff>31750</xdr:colOff>
      <xdr:row>24</xdr:row>
      <xdr:rowOff>611185</xdr:rowOff>
    </xdr:to>
    <xdr:sp macro="" textlink="">
      <xdr:nvSpPr>
        <xdr:cNvPr id="4" name="大かっこ 3">
          <a:extLst>
            <a:ext uri="{FF2B5EF4-FFF2-40B4-BE49-F238E27FC236}">
              <a16:creationId xmlns:a16="http://schemas.microsoft.com/office/drawing/2014/main" id="{00000000-0008-0000-0A00-000004000000}"/>
            </a:ext>
          </a:extLst>
        </xdr:cNvPr>
        <xdr:cNvSpPr/>
      </xdr:nvSpPr>
      <xdr:spPr>
        <a:xfrm>
          <a:off x="47625" y="6715123"/>
          <a:ext cx="4270375" cy="58737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3.emf"/><Relationship Id="rId2" Type="http://schemas.openxmlformats.org/officeDocument/2006/relationships/drawing" Target="../drawings/drawing11.xml"/><Relationship Id="rId1" Type="http://schemas.openxmlformats.org/officeDocument/2006/relationships/printerSettings" Target="../printerSettings/printerSettings13.bin"/><Relationship Id="rId6" Type="http://schemas.openxmlformats.org/officeDocument/2006/relationships/package" Target="../embeddings/Microsoft_Word___1.docx"/><Relationship Id="rId5" Type="http://schemas.openxmlformats.org/officeDocument/2006/relationships/image" Target="../media/image2.emf"/><Relationship Id="rId4" Type="http://schemas.openxmlformats.org/officeDocument/2006/relationships/package" Target="../embeddings/Microsoft_Word___.docx"/></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Q29"/>
  <sheetViews>
    <sheetView showGridLines="0" tabSelected="1" view="pageBreakPreview" topLeftCell="B1" zoomScale="115" zoomScaleNormal="120" zoomScaleSheetLayoutView="115" workbookViewId="0">
      <selection activeCell="B2" sqref="B2:Q2"/>
    </sheetView>
  </sheetViews>
  <sheetFormatPr defaultColWidth="9" defaultRowHeight="11.25"/>
  <cols>
    <col min="1" max="1" width="0.625" style="1" customWidth="1"/>
    <col min="2" max="2" width="3" style="1" customWidth="1"/>
    <col min="3" max="3" width="3.625" style="1" customWidth="1"/>
    <col min="4" max="16" width="5.625" style="1" customWidth="1"/>
    <col min="17" max="17" width="1.625" style="1" customWidth="1"/>
    <col min="18" max="21" width="5.625" style="1" customWidth="1"/>
    <col min="22" max="16384" width="9" style="1"/>
  </cols>
  <sheetData>
    <row r="1" spans="2:17" ht="15" customHeight="1"/>
    <row r="2" spans="2:17" ht="20.100000000000001" customHeight="1">
      <c r="B2" s="464" t="s">
        <v>558</v>
      </c>
      <c r="C2" s="464"/>
      <c r="D2" s="464"/>
      <c r="E2" s="464"/>
      <c r="F2" s="464"/>
      <c r="G2" s="464"/>
      <c r="H2" s="464"/>
      <c r="I2" s="464"/>
      <c r="J2" s="464"/>
      <c r="K2" s="464"/>
      <c r="L2" s="464"/>
      <c r="M2" s="464"/>
      <c r="N2" s="464"/>
      <c r="O2" s="464"/>
      <c r="P2" s="464"/>
      <c r="Q2" s="464"/>
    </row>
    <row r="3" spans="2:17" ht="15" customHeight="1">
      <c r="M3" s="7"/>
      <c r="N3" s="7"/>
      <c r="O3" s="7"/>
    </row>
    <row r="4" spans="2:17" s="30" customFormat="1" ht="45" customHeight="1">
      <c r="B4" s="31" t="s">
        <v>128</v>
      </c>
      <c r="C4" s="162" t="s">
        <v>419</v>
      </c>
      <c r="D4" s="162"/>
      <c r="E4" s="162"/>
      <c r="F4" s="162"/>
      <c r="G4" s="162"/>
      <c r="H4" s="162"/>
      <c r="I4" s="162"/>
      <c r="J4" s="162"/>
      <c r="K4" s="162"/>
      <c r="L4" s="162"/>
      <c r="M4" s="162"/>
      <c r="N4" s="162"/>
      <c r="O4" s="162"/>
      <c r="P4" s="162"/>
    </row>
    <row r="5" spans="2:17" ht="15" customHeight="1">
      <c r="C5" s="30"/>
      <c r="D5" s="30"/>
      <c r="E5" s="30"/>
      <c r="F5" s="30"/>
      <c r="G5" s="30"/>
      <c r="H5" s="30"/>
      <c r="I5" s="30"/>
      <c r="J5" s="30"/>
      <c r="K5" s="30"/>
      <c r="L5" s="30"/>
      <c r="M5" s="30"/>
      <c r="N5" s="30"/>
      <c r="O5" s="30"/>
      <c r="P5" s="30"/>
    </row>
    <row r="6" spans="2:17" s="30" customFormat="1" ht="45" customHeight="1">
      <c r="B6" s="31" t="s">
        <v>128</v>
      </c>
      <c r="C6" s="162" t="s">
        <v>418</v>
      </c>
      <c r="D6" s="162"/>
      <c r="E6" s="162"/>
      <c r="F6" s="162"/>
      <c r="G6" s="162"/>
      <c r="H6" s="162"/>
      <c r="I6" s="162"/>
      <c r="J6" s="162"/>
      <c r="K6" s="162"/>
      <c r="L6" s="162"/>
      <c r="M6" s="162"/>
      <c r="N6" s="162"/>
      <c r="O6" s="162"/>
      <c r="P6" s="162"/>
    </row>
    <row r="7" spans="2:17" ht="15" customHeight="1">
      <c r="C7" s="30"/>
      <c r="D7" s="30"/>
      <c r="E7" s="30"/>
      <c r="F7" s="30"/>
      <c r="G7" s="30"/>
      <c r="H7" s="30"/>
      <c r="I7" s="30"/>
      <c r="J7" s="30"/>
      <c r="K7" s="30"/>
      <c r="L7" s="30"/>
      <c r="M7" s="30"/>
      <c r="N7" s="30"/>
      <c r="O7" s="30"/>
      <c r="P7" s="30"/>
    </row>
    <row r="8" spans="2:17" s="30" customFormat="1" ht="45" customHeight="1">
      <c r="B8" s="31" t="s">
        <v>128</v>
      </c>
      <c r="C8" s="162" t="s">
        <v>133</v>
      </c>
      <c r="D8" s="162"/>
      <c r="E8" s="162"/>
      <c r="F8" s="162"/>
      <c r="G8" s="162"/>
      <c r="H8" s="162"/>
      <c r="I8" s="162"/>
      <c r="J8" s="162"/>
      <c r="K8" s="162"/>
      <c r="L8" s="162"/>
      <c r="M8" s="162"/>
      <c r="N8" s="162"/>
      <c r="O8" s="162"/>
      <c r="P8" s="162"/>
    </row>
    <row r="9" spans="2:17" s="30" customFormat="1" ht="19.5" customHeight="1">
      <c r="B9" s="31"/>
      <c r="C9" s="146" t="s">
        <v>129</v>
      </c>
      <c r="D9" s="146"/>
      <c r="E9" s="146"/>
      <c r="F9" s="146"/>
      <c r="G9" s="32"/>
      <c r="H9" s="32"/>
      <c r="I9" s="32"/>
      <c r="J9" s="32"/>
      <c r="K9" s="32"/>
      <c r="L9" s="32"/>
      <c r="M9" s="32"/>
      <c r="N9" s="32"/>
      <c r="O9" s="32"/>
      <c r="P9" s="32"/>
    </row>
    <row r="10" spans="2:17" s="30" customFormat="1" ht="4.5" customHeight="1">
      <c r="B10" s="31"/>
      <c r="C10" s="45"/>
      <c r="D10" s="46"/>
      <c r="E10" s="46"/>
      <c r="F10" s="46"/>
      <c r="G10" s="47"/>
      <c r="H10" s="47"/>
      <c r="I10" s="47"/>
      <c r="J10" s="47"/>
      <c r="K10" s="47"/>
      <c r="L10" s="47"/>
      <c r="M10" s="47"/>
      <c r="N10" s="47"/>
      <c r="O10" s="47"/>
      <c r="P10" s="48"/>
    </row>
    <row r="11" spans="2:17" s="30" customFormat="1" ht="30" customHeight="1">
      <c r="B11" s="31"/>
      <c r="C11" s="49" t="s">
        <v>214</v>
      </c>
      <c r="D11" s="150" t="s">
        <v>420</v>
      </c>
      <c r="E11" s="150"/>
      <c r="F11" s="150"/>
      <c r="G11" s="150"/>
      <c r="H11" s="150"/>
      <c r="I11" s="150"/>
      <c r="J11" s="150"/>
      <c r="K11" s="150"/>
      <c r="L11" s="150"/>
      <c r="M11" s="150"/>
      <c r="N11" s="150"/>
      <c r="O11" s="150"/>
      <c r="P11" s="151"/>
    </row>
    <row r="12" spans="2:17" ht="55.35" customHeight="1">
      <c r="C12" s="49" t="s">
        <v>215</v>
      </c>
      <c r="D12" s="150" t="s">
        <v>212</v>
      </c>
      <c r="E12" s="150"/>
      <c r="F12" s="150"/>
      <c r="G12" s="150"/>
      <c r="H12" s="150"/>
      <c r="I12" s="150"/>
      <c r="J12" s="150"/>
      <c r="K12" s="150"/>
      <c r="L12" s="150"/>
      <c r="M12" s="150"/>
      <c r="N12" s="150"/>
      <c r="O12" s="150"/>
      <c r="P12" s="151"/>
    </row>
    <row r="13" spans="2:17" ht="30" customHeight="1">
      <c r="C13" s="49" t="s">
        <v>216</v>
      </c>
      <c r="D13" s="150" t="s">
        <v>421</v>
      </c>
      <c r="E13" s="150"/>
      <c r="F13" s="150"/>
      <c r="G13" s="150"/>
      <c r="H13" s="150"/>
      <c r="I13" s="150"/>
      <c r="J13" s="150"/>
      <c r="K13" s="150"/>
      <c r="L13" s="150"/>
      <c r="M13" s="150"/>
      <c r="N13" s="150"/>
      <c r="O13" s="150"/>
      <c r="P13" s="151"/>
    </row>
    <row r="14" spans="2:17" ht="30" customHeight="1">
      <c r="C14" s="50" t="s">
        <v>217</v>
      </c>
      <c r="D14" s="148" t="s">
        <v>213</v>
      </c>
      <c r="E14" s="148"/>
      <c r="F14" s="148"/>
      <c r="G14" s="148"/>
      <c r="H14" s="148"/>
      <c r="I14" s="148"/>
      <c r="J14" s="148"/>
      <c r="K14" s="148"/>
      <c r="L14" s="148"/>
      <c r="M14" s="148"/>
      <c r="N14" s="148"/>
      <c r="O14" s="148"/>
      <c r="P14" s="149"/>
    </row>
    <row r="15" spans="2:17" ht="17.25" customHeight="1">
      <c r="C15" s="86"/>
      <c r="D15" s="84"/>
      <c r="E15" s="84"/>
      <c r="F15" s="84"/>
      <c r="G15" s="84"/>
      <c r="H15" s="84"/>
      <c r="I15" s="84"/>
      <c r="J15" s="84"/>
      <c r="K15" s="84"/>
      <c r="L15" s="84"/>
      <c r="M15" s="84"/>
      <c r="N15" s="84"/>
      <c r="O15" s="84"/>
      <c r="P15" s="84"/>
    </row>
    <row r="16" spans="2:17" ht="14.1" customHeight="1">
      <c r="C16" s="152" t="s">
        <v>557</v>
      </c>
      <c r="D16" s="152"/>
      <c r="E16" s="152"/>
      <c r="F16" s="152"/>
      <c r="G16" s="152"/>
      <c r="H16" s="152"/>
      <c r="I16" s="152"/>
      <c r="J16" s="152"/>
      <c r="K16" s="152"/>
      <c r="L16" s="152"/>
      <c r="M16" s="152"/>
      <c r="N16" s="152"/>
      <c r="O16" s="152"/>
      <c r="P16" s="84"/>
    </row>
    <row r="17" spans="2:16" ht="14.1" customHeight="1">
      <c r="C17" s="152" t="s">
        <v>559</v>
      </c>
      <c r="D17" s="152"/>
      <c r="E17" s="152"/>
      <c r="F17" s="152"/>
      <c r="G17" s="152"/>
      <c r="H17" s="152"/>
      <c r="I17" s="152"/>
      <c r="J17" s="152"/>
      <c r="K17" s="152"/>
      <c r="L17" s="152"/>
      <c r="M17" s="152"/>
      <c r="N17" s="152"/>
      <c r="O17" s="152"/>
      <c r="P17" s="84"/>
    </row>
    <row r="18" spans="2:16" s="30" customFormat="1" ht="30" customHeight="1">
      <c r="B18" s="31"/>
      <c r="C18" s="147" t="s">
        <v>130</v>
      </c>
      <c r="D18" s="147"/>
      <c r="E18" s="147"/>
      <c r="F18" s="147"/>
      <c r="G18" s="32"/>
      <c r="H18" s="32"/>
      <c r="I18" s="32"/>
      <c r="J18" s="32"/>
      <c r="K18" s="32"/>
      <c r="L18" s="32"/>
      <c r="M18" s="32"/>
      <c r="N18" s="32"/>
      <c r="O18" s="32"/>
      <c r="P18" s="32"/>
    </row>
    <row r="19" spans="2:16" ht="15" customHeight="1">
      <c r="B19" s="44"/>
      <c r="C19" s="153" t="s">
        <v>131</v>
      </c>
      <c r="D19" s="154"/>
      <c r="E19" s="154"/>
      <c r="F19" s="153" t="s">
        <v>132</v>
      </c>
      <c r="G19" s="154"/>
      <c r="H19" s="154"/>
      <c r="I19" s="154"/>
      <c r="J19" s="154"/>
      <c r="K19" s="154"/>
      <c r="L19" s="154"/>
      <c r="M19" s="154"/>
      <c r="N19" s="154"/>
      <c r="O19" s="154"/>
      <c r="P19" s="155"/>
    </row>
    <row r="20" spans="2:16" ht="15" customHeight="1">
      <c r="C20" s="163">
        <v>42551</v>
      </c>
      <c r="D20" s="164"/>
      <c r="E20" s="164"/>
      <c r="F20" s="156" t="s">
        <v>218</v>
      </c>
      <c r="G20" s="157"/>
      <c r="H20" s="157"/>
      <c r="I20" s="157"/>
      <c r="J20" s="157"/>
      <c r="K20" s="157"/>
      <c r="L20" s="157"/>
      <c r="M20" s="157"/>
      <c r="N20" s="157"/>
      <c r="O20" s="157"/>
      <c r="P20" s="158"/>
    </row>
    <row r="21" spans="2:16" ht="15" customHeight="1">
      <c r="C21" s="168">
        <v>42625</v>
      </c>
      <c r="D21" s="169"/>
      <c r="E21" s="169"/>
      <c r="F21" s="167" t="s">
        <v>315</v>
      </c>
      <c r="G21" s="160"/>
      <c r="H21" s="160"/>
      <c r="I21" s="160"/>
      <c r="J21" s="160"/>
      <c r="K21" s="160"/>
      <c r="L21" s="160"/>
      <c r="M21" s="160"/>
      <c r="N21" s="160"/>
      <c r="O21" s="160"/>
      <c r="P21" s="161"/>
    </row>
    <row r="22" spans="2:16" ht="15" customHeight="1">
      <c r="C22" s="165">
        <v>42702</v>
      </c>
      <c r="D22" s="166"/>
      <c r="E22" s="166"/>
      <c r="F22" s="159" t="s">
        <v>314</v>
      </c>
      <c r="G22" s="160"/>
      <c r="H22" s="160"/>
      <c r="I22" s="160"/>
      <c r="J22" s="160"/>
      <c r="K22" s="160"/>
      <c r="L22" s="160"/>
      <c r="M22" s="160"/>
      <c r="N22" s="160"/>
      <c r="O22" s="160"/>
      <c r="P22" s="161"/>
    </row>
    <row r="23" spans="2:16" ht="24.75" customHeight="1">
      <c r="C23" s="141">
        <v>43178</v>
      </c>
      <c r="D23" s="142"/>
      <c r="E23" s="142"/>
      <c r="F23" s="143" t="s">
        <v>359</v>
      </c>
      <c r="G23" s="144"/>
      <c r="H23" s="144"/>
      <c r="I23" s="144"/>
      <c r="J23" s="144"/>
      <c r="K23" s="144"/>
      <c r="L23" s="144"/>
      <c r="M23" s="144"/>
      <c r="N23" s="144"/>
      <c r="O23" s="144"/>
      <c r="P23" s="145"/>
    </row>
    <row r="24" spans="2:16" ht="53.25" customHeight="1">
      <c r="C24" s="141">
        <v>43546</v>
      </c>
      <c r="D24" s="142"/>
      <c r="E24" s="142"/>
      <c r="F24" s="143" t="s">
        <v>370</v>
      </c>
      <c r="G24" s="144"/>
      <c r="H24" s="144"/>
      <c r="I24" s="144"/>
      <c r="J24" s="144"/>
      <c r="K24" s="144"/>
      <c r="L24" s="144"/>
      <c r="M24" s="144"/>
      <c r="N24" s="144"/>
      <c r="O24" s="144"/>
      <c r="P24" s="145"/>
    </row>
    <row r="25" spans="2:16" ht="66" customHeight="1">
      <c r="C25" s="131">
        <v>43862</v>
      </c>
      <c r="D25" s="132"/>
      <c r="E25" s="132"/>
      <c r="F25" s="133" t="s">
        <v>414</v>
      </c>
      <c r="G25" s="134"/>
      <c r="H25" s="134"/>
      <c r="I25" s="134"/>
      <c r="J25" s="134"/>
      <c r="K25" s="134"/>
      <c r="L25" s="134"/>
      <c r="M25" s="134"/>
      <c r="N25" s="134"/>
      <c r="O25" s="134"/>
      <c r="P25" s="135"/>
    </row>
    <row r="26" spans="2:16" ht="45" customHeight="1">
      <c r="C26" s="131">
        <v>44258</v>
      </c>
      <c r="D26" s="132"/>
      <c r="E26" s="132"/>
      <c r="F26" s="133" t="s">
        <v>472</v>
      </c>
      <c r="G26" s="134"/>
      <c r="H26" s="134"/>
      <c r="I26" s="134"/>
      <c r="J26" s="134"/>
      <c r="K26" s="134"/>
      <c r="L26" s="134"/>
      <c r="M26" s="134"/>
      <c r="N26" s="134"/>
      <c r="O26" s="134"/>
      <c r="P26" s="135"/>
    </row>
    <row r="27" spans="2:16" ht="37.5" customHeight="1">
      <c r="C27" s="126">
        <v>44595</v>
      </c>
      <c r="D27" s="127"/>
      <c r="E27" s="127"/>
      <c r="F27" s="128" t="s">
        <v>520</v>
      </c>
      <c r="G27" s="129"/>
      <c r="H27" s="129"/>
      <c r="I27" s="129"/>
      <c r="J27" s="129"/>
      <c r="K27" s="129"/>
      <c r="L27" s="129"/>
      <c r="M27" s="129"/>
      <c r="N27" s="129"/>
      <c r="O27" s="129"/>
      <c r="P27" s="130"/>
    </row>
    <row r="28" spans="2:16" ht="80.45" customHeight="1">
      <c r="C28" s="136">
        <v>44967</v>
      </c>
      <c r="D28" s="137"/>
      <c r="E28" s="137"/>
      <c r="F28" s="138" t="s">
        <v>541</v>
      </c>
      <c r="G28" s="139"/>
      <c r="H28" s="139"/>
      <c r="I28" s="139"/>
      <c r="J28" s="139"/>
      <c r="K28" s="139"/>
      <c r="L28" s="139"/>
      <c r="M28" s="139"/>
      <c r="N28" s="139"/>
      <c r="O28" s="139"/>
      <c r="P28" s="140"/>
    </row>
    <row r="29" spans="2:16" ht="64.150000000000006" customHeight="1">
      <c r="C29" s="465">
        <v>45338</v>
      </c>
      <c r="D29" s="466"/>
      <c r="E29" s="466"/>
      <c r="F29" s="467" t="s">
        <v>556</v>
      </c>
      <c r="G29" s="468"/>
      <c r="H29" s="468"/>
      <c r="I29" s="468"/>
      <c r="J29" s="468"/>
      <c r="K29" s="468"/>
      <c r="L29" s="468"/>
      <c r="M29" s="468"/>
      <c r="N29" s="468"/>
      <c r="O29" s="468"/>
      <c r="P29" s="469"/>
    </row>
  </sheetData>
  <mergeCells count="34">
    <mergeCell ref="C4:P4"/>
    <mergeCell ref="C6:P6"/>
    <mergeCell ref="B2:Q2"/>
    <mergeCell ref="C8:P8"/>
    <mergeCell ref="F23:P23"/>
    <mergeCell ref="C19:E19"/>
    <mergeCell ref="C20:E20"/>
    <mergeCell ref="C22:E22"/>
    <mergeCell ref="F21:P21"/>
    <mergeCell ref="C21:E21"/>
    <mergeCell ref="C24:E24"/>
    <mergeCell ref="F24:P24"/>
    <mergeCell ref="C25:E25"/>
    <mergeCell ref="F25:P25"/>
    <mergeCell ref="C9:F9"/>
    <mergeCell ref="C18:F18"/>
    <mergeCell ref="D14:P14"/>
    <mergeCell ref="D11:P11"/>
    <mergeCell ref="D12:P12"/>
    <mergeCell ref="D13:P13"/>
    <mergeCell ref="C16:O16"/>
    <mergeCell ref="C17:O17"/>
    <mergeCell ref="F19:P19"/>
    <mergeCell ref="F20:P20"/>
    <mergeCell ref="F22:P22"/>
    <mergeCell ref="C23:E23"/>
    <mergeCell ref="C29:E29"/>
    <mergeCell ref="F29:P29"/>
    <mergeCell ref="C27:E27"/>
    <mergeCell ref="F27:P27"/>
    <mergeCell ref="C26:E26"/>
    <mergeCell ref="F26:P26"/>
    <mergeCell ref="C28:E28"/>
    <mergeCell ref="F28:P28"/>
  </mergeCells>
  <phoneticPr fontId="2"/>
  <printOptions horizontalCentered="1"/>
  <pageMargins left="0.51181102362204722" right="0.51181102362204722" top="0.59055118110236227" bottom="0.39370078740157483" header="0.19685039370078741" footer="0.19685039370078741"/>
  <pageSetup paperSize="9" scale="93" orientation="portrait" r:id="rId1"/>
  <headerFooter>
    <oddHeader>&amp;R&amp;"HG丸ｺﾞｼｯｸM-PRO,標準"&amp;8標準的チェックリスト（&amp;A）</oddHeader>
  </headerFooter>
  <rowBreaks count="1" manualBreakCount="1">
    <brk id="30" max="16"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T66"/>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126</v>
      </c>
      <c r="B8" s="177"/>
      <c r="C8" s="178"/>
      <c r="D8" s="185" t="s">
        <v>111</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112</v>
      </c>
      <c r="B17" s="215"/>
      <c r="C17" s="66" t="s">
        <v>425</v>
      </c>
      <c r="D17" s="216" t="s">
        <v>426</v>
      </c>
      <c r="E17" s="216"/>
      <c r="F17" s="216"/>
      <c r="G17" s="216"/>
      <c r="H17" s="216"/>
      <c r="I17" s="216"/>
      <c r="J17" s="216" t="s">
        <v>427</v>
      </c>
      <c r="K17" s="216"/>
      <c r="L17" s="216"/>
      <c r="M17" s="95"/>
      <c r="N17" s="170"/>
      <c r="O17" s="171"/>
    </row>
    <row r="18" spans="1:15" ht="55.5" customHeight="1">
      <c r="A18" s="217"/>
      <c r="B18" s="218"/>
      <c r="C18" s="67" t="s">
        <v>428</v>
      </c>
      <c r="D18" s="211" t="s">
        <v>429</v>
      </c>
      <c r="E18" s="211"/>
      <c r="F18" s="211"/>
      <c r="G18" s="211"/>
      <c r="H18" s="211"/>
      <c r="I18" s="211"/>
      <c r="J18" s="211" t="s">
        <v>430</v>
      </c>
      <c r="K18" s="211"/>
      <c r="L18" s="211"/>
      <c r="M18" s="89"/>
      <c r="N18" s="219"/>
      <c r="O18" s="220"/>
    </row>
    <row r="19" spans="1:15" ht="55.5" customHeight="1">
      <c r="A19" s="217"/>
      <c r="B19" s="218"/>
      <c r="C19" s="67" t="s">
        <v>431</v>
      </c>
      <c r="D19" s="211" t="s">
        <v>432</v>
      </c>
      <c r="E19" s="211"/>
      <c r="F19" s="211"/>
      <c r="G19" s="211"/>
      <c r="H19" s="211"/>
      <c r="I19" s="211"/>
      <c r="J19" s="211" t="s">
        <v>433</v>
      </c>
      <c r="K19" s="211"/>
      <c r="L19" s="211"/>
      <c r="M19" s="89"/>
      <c r="N19" s="219"/>
      <c r="O19" s="220"/>
    </row>
    <row r="20" spans="1:15" ht="55.5" customHeight="1">
      <c r="A20" s="217"/>
      <c r="B20" s="218"/>
      <c r="C20" s="67" t="s">
        <v>434</v>
      </c>
      <c r="D20" s="211" t="s">
        <v>435</v>
      </c>
      <c r="E20" s="211"/>
      <c r="F20" s="211"/>
      <c r="G20" s="211"/>
      <c r="H20" s="211"/>
      <c r="I20" s="211"/>
      <c r="J20" s="211" t="s">
        <v>436</v>
      </c>
      <c r="K20" s="211"/>
      <c r="L20" s="211"/>
      <c r="M20" s="89"/>
      <c r="N20" s="219"/>
      <c r="O20" s="220"/>
    </row>
    <row r="21" spans="1:15" ht="55.5" customHeight="1">
      <c r="A21" s="217"/>
      <c r="B21" s="218"/>
      <c r="C21" s="67" t="s">
        <v>437</v>
      </c>
      <c r="D21" s="211" t="s">
        <v>438</v>
      </c>
      <c r="E21" s="211"/>
      <c r="F21" s="211"/>
      <c r="G21" s="211"/>
      <c r="H21" s="211"/>
      <c r="I21" s="211"/>
      <c r="J21" s="211" t="s">
        <v>439</v>
      </c>
      <c r="K21" s="211"/>
      <c r="L21" s="211"/>
      <c r="M21" s="89"/>
      <c r="N21" s="219"/>
      <c r="O21" s="220"/>
    </row>
    <row r="22" spans="1:15" ht="55.5" customHeight="1">
      <c r="A22" s="217"/>
      <c r="B22" s="218"/>
      <c r="C22" s="67" t="s">
        <v>437</v>
      </c>
      <c r="D22" s="211" t="s">
        <v>440</v>
      </c>
      <c r="E22" s="211"/>
      <c r="F22" s="211"/>
      <c r="G22" s="211"/>
      <c r="H22" s="211"/>
      <c r="I22" s="211"/>
      <c r="J22" s="211" t="s">
        <v>441</v>
      </c>
      <c r="K22" s="211"/>
      <c r="L22" s="211"/>
      <c r="M22" s="89"/>
      <c r="N22" s="219"/>
      <c r="O22" s="220"/>
    </row>
    <row r="23" spans="1:15" ht="55.5" customHeight="1">
      <c r="A23" s="217"/>
      <c r="B23" s="218"/>
      <c r="C23" s="67" t="s">
        <v>437</v>
      </c>
      <c r="D23" s="211" t="s">
        <v>442</v>
      </c>
      <c r="E23" s="211"/>
      <c r="F23" s="211"/>
      <c r="G23" s="211"/>
      <c r="H23" s="211"/>
      <c r="I23" s="211"/>
      <c r="J23" s="211" t="s">
        <v>439</v>
      </c>
      <c r="K23" s="211"/>
      <c r="L23" s="211"/>
      <c r="M23" s="89"/>
      <c r="N23" s="219"/>
      <c r="O23" s="220"/>
    </row>
    <row r="24" spans="1:15" ht="60" customHeight="1">
      <c r="A24" s="333"/>
      <c r="B24" s="334"/>
      <c r="C24" s="67" t="s">
        <v>113</v>
      </c>
      <c r="D24" s="211" t="s">
        <v>173</v>
      </c>
      <c r="E24" s="211"/>
      <c r="F24" s="211"/>
      <c r="G24" s="211"/>
      <c r="H24" s="211"/>
      <c r="I24" s="211"/>
      <c r="J24" s="211" t="s">
        <v>118</v>
      </c>
      <c r="K24" s="211"/>
      <c r="L24" s="211"/>
      <c r="M24" s="28"/>
      <c r="N24" s="172"/>
      <c r="O24" s="173"/>
    </row>
    <row r="25" spans="1:15" ht="50.1" customHeight="1">
      <c r="A25" s="212"/>
      <c r="B25" s="213"/>
      <c r="C25" s="67" t="s">
        <v>114</v>
      </c>
      <c r="D25" s="211" t="s">
        <v>174</v>
      </c>
      <c r="E25" s="211"/>
      <c r="F25" s="211"/>
      <c r="G25" s="211"/>
      <c r="H25" s="211"/>
      <c r="I25" s="211"/>
      <c r="J25" s="211" t="s">
        <v>119</v>
      </c>
      <c r="K25" s="211"/>
      <c r="L25" s="211"/>
      <c r="M25" s="89"/>
      <c r="N25" s="172"/>
      <c r="O25" s="173"/>
    </row>
    <row r="26" spans="1:15" ht="50.1" customHeight="1">
      <c r="A26" s="217"/>
      <c r="B26" s="218"/>
      <c r="C26" s="67" t="s">
        <v>443</v>
      </c>
      <c r="D26" s="211" t="s">
        <v>444</v>
      </c>
      <c r="E26" s="211"/>
      <c r="F26" s="211"/>
      <c r="G26" s="211"/>
      <c r="H26" s="211"/>
      <c r="I26" s="211"/>
      <c r="J26" s="211" t="s">
        <v>445</v>
      </c>
      <c r="K26" s="211"/>
      <c r="L26" s="211"/>
      <c r="M26" s="89"/>
      <c r="N26" s="219"/>
      <c r="O26" s="220"/>
    </row>
    <row r="27" spans="1:15" ht="50.1" customHeight="1">
      <c r="A27" s="212"/>
      <c r="B27" s="213"/>
      <c r="C27" s="67" t="s">
        <v>446</v>
      </c>
      <c r="D27" s="211" t="s">
        <v>116</v>
      </c>
      <c r="E27" s="211"/>
      <c r="F27" s="211"/>
      <c r="G27" s="211"/>
      <c r="H27" s="211"/>
      <c r="I27" s="211"/>
      <c r="J27" s="211" t="s">
        <v>120</v>
      </c>
      <c r="K27" s="211"/>
      <c r="L27" s="211"/>
      <c r="M27" s="28"/>
      <c r="N27" s="172"/>
      <c r="O27" s="173"/>
    </row>
    <row r="28" spans="1:15" ht="50.1" customHeight="1">
      <c r="A28" s="212"/>
      <c r="B28" s="213"/>
      <c r="C28" s="67" t="s">
        <v>117</v>
      </c>
      <c r="D28" s="211" t="s">
        <v>447</v>
      </c>
      <c r="E28" s="211"/>
      <c r="F28" s="211"/>
      <c r="G28" s="211"/>
      <c r="H28" s="211"/>
      <c r="I28" s="211"/>
      <c r="J28" s="211" t="s">
        <v>121</v>
      </c>
      <c r="K28" s="211"/>
      <c r="L28" s="211"/>
      <c r="M28" s="28"/>
      <c r="N28" s="172"/>
      <c r="O28" s="173"/>
    </row>
    <row r="29" spans="1:15" ht="50.1" customHeight="1">
      <c r="A29" s="217"/>
      <c r="B29" s="218"/>
      <c r="C29" s="67" t="s">
        <v>117</v>
      </c>
      <c r="D29" s="211" t="s">
        <v>448</v>
      </c>
      <c r="E29" s="211"/>
      <c r="F29" s="211"/>
      <c r="G29" s="211"/>
      <c r="H29" s="211"/>
      <c r="I29" s="211"/>
      <c r="J29" s="211" t="s">
        <v>449</v>
      </c>
      <c r="K29" s="211"/>
      <c r="L29" s="211"/>
      <c r="M29" s="28"/>
      <c r="N29" s="219"/>
      <c r="O29" s="220"/>
    </row>
    <row r="30" spans="1:15" ht="63.75" customHeight="1">
      <c r="A30" s="217"/>
      <c r="B30" s="218"/>
      <c r="C30" s="67" t="s">
        <v>450</v>
      </c>
      <c r="D30" s="211" t="s">
        <v>451</v>
      </c>
      <c r="E30" s="211"/>
      <c r="F30" s="211"/>
      <c r="G30" s="211"/>
      <c r="H30" s="211"/>
      <c r="I30" s="211"/>
      <c r="J30" s="211" t="s">
        <v>452</v>
      </c>
      <c r="K30" s="211"/>
      <c r="L30" s="211"/>
      <c r="M30" s="28"/>
      <c r="N30" s="219"/>
      <c r="O30" s="220"/>
    </row>
    <row r="31" spans="1:15" ht="88.5" customHeight="1">
      <c r="A31" s="217"/>
      <c r="B31" s="218"/>
      <c r="C31" s="67" t="s">
        <v>453</v>
      </c>
      <c r="D31" s="211" t="s">
        <v>473</v>
      </c>
      <c r="E31" s="332"/>
      <c r="F31" s="332"/>
      <c r="G31" s="332"/>
      <c r="H31" s="332"/>
      <c r="I31" s="332"/>
      <c r="J31" s="211" t="s">
        <v>123</v>
      </c>
      <c r="K31" s="211"/>
      <c r="L31" s="211"/>
      <c r="M31" s="28"/>
      <c r="N31" s="219"/>
      <c r="O31" s="220"/>
    </row>
    <row r="32" spans="1:15" ht="69" customHeight="1">
      <c r="A32" s="212"/>
      <c r="B32" s="213"/>
      <c r="C32" s="67" t="s">
        <v>122</v>
      </c>
      <c r="D32" s="211" t="s">
        <v>476</v>
      </c>
      <c r="E32" s="211"/>
      <c r="F32" s="211"/>
      <c r="G32" s="211"/>
      <c r="H32" s="211"/>
      <c r="I32" s="211"/>
      <c r="J32" s="211" t="s">
        <v>123</v>
      </c>
      <c r="K32" s="211"/>
      <c r="L32" s="211"/>
      <c r="M32" s="28"/>
      <c r="N32" s="172"/>
      <c r="O32" s="173"/>
    </row>
    <row r="33" spans="1:15" ht="56.85" customHeight="1">
      <c r="A33" s="212"/>
      <c r="B33" s="213"/>
      <c r="C33" s="67" t="s">
        <v>124</v>
      </c>
      <c r="D33" s="211" t="s">
        <v>477</v>
      </c>
      <c r="E33" s="211"/>
      <c r="F33" s="211"/>
      <c r="G33" s="211"/>
      <c r="H33" s="211"/>
      <c r="I33" s="211"/>
      <c r="J33" s="211" t="s">
        <v>125</v>
      </c>
      <c r="K33" s="211"/>
      <c r="L33" s="211"/>
      <c r="M33" s="28"/>
      <c r="N33" s="172"/>
      <c r="O33" s="173"/>
    </row>
    <row r="34" spans="1:15" ht="74.849999999999994" customHeight="1">
      <c r="A34" s="217"/>
      <c r="B34" s="218"/>
      <c r="C34" s="67" t="s">
        <v>454</v>
      </c>
      <c r="D34" s="211" t="s">
        <v>455</v>
      </c>
      <c r="E34" s="211"/>
      <c r="F34" s="211"/>
      <c r="G34" s="211"/>
      <c r="H34" s="211"/>
      <c r="I34" s="211"/>
      <c r="J34" s="211" t="s">
        <v>123</v>
      </c>
      <c r="K34" s="211"/>
      <c r="L34" s="211"/>
      <c r="M34" s="28"/>
      <c r="N34" s="219"/>
      <c r="O34" s="220"/>
    </row>
    <row r="35" spans="1:15" ht="56.85" customHeight="1">
      <c r="A35" s="217"/>
      <c r="B35" s="218"/>
      <c r="C35" s="67" t="s">
        <v>456</v>
      </c>
      <c r="D35" s="211" t="s">
        <v>457</v>
      </c>
      <c r="E35" s="211"/>
      <c r="F35" s="211"/>
      <c r="G35" s="211"/>
      <c r="H35" s="211"/>
      <c r="I35" s="211"/>
      <c r="J35" s="211" t="s">
        <v>458</v>
      </c>
      <c r="K35" s="211"/>
      <c r="L35" s="211"/>
      <c r="M35" s="28"/>
      <c r="N35" s="219"/>
      <c r="O35" s="220"/>
    </row>
    <row r="36" spans="1:15" ht="67.5" customHeight="1">
      <c r="A36" s="217"/>
      <c r="B36" s="218"/>
      <c r="C36" s="67" t="s">
        <v>459</v>
      </c>
      <c r="D36" s="211" t="s">
        <v>474</v>
      </c>
      <c r="E36" s="211"/>
      <c r="F36" s="211"/>
      <c r="G36" s="211"/>
      <c r="H36" s="211"/>
      <c r="I36" s="211"/>
      <c r="J36" s="211" t="s">
        <v>460</v>
      </c>
      <c r="K36" s="211"/>
      <c r="L36" s="211"/>
      <c r="M36" s="28"/>
      <c r="N36" s="219"/>
      <c r="O36" s="220"/>
    </row>
    <row r="37" spans="1:15" ht="56.85" customHeight="1">
      <c r="A37" s="217"/>
      <c r="B37" s="218"/>
      <c r="C37" s="67" t="s">
        <v>461</v>
      </c>
      <c r="D37" s="211" t="s">
        <v>462</v>
      </c>
      <c r="E37" s="211"/>
      <c r="F37" s="211"/>
      <c r="G37" s="211"/>
      <c r="H37" s="211"/>
      <c r="I37" s="211"/>
      <c r="J37" s="211" t="s">
        <v>463</v>
      </c>
      <c r="K37" s="211"/>
      <c r="L37" s="211"/>
      <c r="M37" s="28"/>
      <c r="N37" s="219"/>
      <c r="O37" s="220"/>
    </row>
    <row r="38" spans="1:15" ht="70.5" customHeight="1">
      <c r="A38" s="217"/>
      <c r="B38" s="218"/>
      <c r="C38" s="67" t="s">
        <v>464</v>
      </c>
      <c r="D38" s="211" t="s">
        <v>465</v>
      </c>
      <c r="E38" s="211"/>
      <c r="F38" s="211"/>
      <c r="G38" s="211"/>
      <c r="H38" s="211"/>
      <c r="I38" s="211"/>
      <c r="J38" s="211" t="s">
        <v>463</v>
      </c>
      <c r="K38" s="211"/>
      <c r="L38" s="211"/>
      <c r="M38" s="28"/>
      <c r="N38" s="219"/>
      <c r="O38" s="220"/>
    </row>
    <row r="39" spans="1:15" ht="80.25" customHeight="1">
      <c r="A39" s="217"/>
      <c r="B39" s="218"/>
      <c r="C39" s="67" t="s">
        <v>466</v>
      </c>
      <c r="D39" s="211" t="s">
        <v>475</v>
      </c>
      <c r="E39" s="211"/>
      <c r="F39" s="211"/>
      <c r="G39" s="211"/>
      <c r="H39" s="211"/>
      <c r="I39" s="211"/>
      <c r="J39" s="211" t="s">
        <v>463</v>
      </c>
      <c r="K39" s="211"/>
      <c r="L39" s="211"/>
      <c r="M39" s="28"/>
      <c r="N39" s="219"/>
      <c r="O39" s="220"/>
    </row>
    <row r="40" spans="1:15" ht="56.85" customHeight="1">
      <c r="A40" s="212"/>
      <c r="B40" s="213"/>
      <c r="C40" s="67" t="s">
        <v>467</v>
      </c>
      <c r="D40" s="211" t="s">
        <v>468</v>
      </c>
      <c r="E40" s="211"/>
      <c r="F40" s="211"/>
      <c r="G40" s="211"/>
      <c r="H40" s="211"/>
      <c r="I40" s="211"/>
      <c r="J40" s="211" t="s">
        <v>469</v>
      </c>
      <c r="K40" s="211"/>
      <c r="L40" s="211"/>
      <c r="M40" s="28"/>
      <c r="N40" s="172"/>
      <c r="O40" s="173"/>
    </row>
    <row r="41" spans="1:15" ht="56.85" customHeight="1">
      <c r="A41" s="212"/>
      <c r="B41" s="213"/>
      <c r="C41" s="67" t="s">
        <v>470</v>
      </c>
      <c r="D41" s="211" t="s">
        <v>489</v>
      </c>
      <c r="E41" s="211"/>
      <c r="F41" s="211"/>
      <c r="G41" s="211"/>
      <c r="H41" s="211"/>
      <c r="I41" s="211"/>
      <c r="J41" s="211" t="s">
        <v>471</v>
      </c>
      <c r="K41" s="211"/>
      <c r="L41" s="211"/>
      <c r="M41" s="28"/>
      <c r="N41" s="172"/>
      <c r="O41" s="173"/>
    </row>
    <row r="42" spans="1:15" s="106" customFormat="1" ht="76.5" customHeight="1">
      <c r="A42" s="217"/>
      <c r="B42" s="218"/>
      <c r="C42" s="114" t="s">
        <v>486</v>
      </c>
      <c r="D42" s="257" t="s">
        <v>487</v>
      </c>
      <c r="E42" s="257"/>
      <c r="F42" s="257"/>
      <c r="G42" s="257"/>
      <c r="H42" s="257"/>
      <c r="I42" s="257"/>
      <c r="J42" s="172" t="s">
        <v>488</v>
      </c>
      <c r="K42" s="172"/>
      <c r="L42" s="172"/>
      <c r="M42" s="69"/>
      <c r="N42" s="219"/>
      <c r="O42" s="220"/>
    </row>
    <row r="43" spans="1:15" ht="50.1" customHeight="1">
      <c r="A43" s="226"/>
      <c r="B43" s="227"/>
      <c r="C43" s="85"/>
      <c r="D43" s="260"/>
      <c r="E43" s="260"/>
      <c r="F43" s="260"/>
      <c r="G43" s="260"/>
      <c r="H43" s="260"/>
      <c r="I43" s="260"/>
      <c r="J43" s="260"/>
      <c r="K43" s="260"/>
      <c r="L43" s="260"/>
      <c r="M43" s="17"/>
      <c r="N43" s="228"/>
      <c r="O43" s="229"/>
    </row>
    <row r="44" spans="1:15" ht="15" customHeight="1">
      <c r="A44" s="23" t="s">
        <v>26</v>
      </c>
    </row>
    <row r="45" spans="1:15" ht="15" customHeight="1">
      <c r="A45" s="6"/>
    </row>
    <row r="46" spans="1:15" ht="15" customHeight="1">
      <c r="A46" s="13" t="s">
        <v>28</v>
      </c>
    </row>
    <row r="47" spans="1:15" ht="15" customHeight="1">
      <c r="A47" s="12" t="s">
        <v>12</v>
      </c>
      <c r="B47" s="230" t="s">
        <v>6</v>
      </c>
      <c r="C47" s="231"/>
      <c r="D47" s="230" t="s">
        <v>29</v>
      </c>
      <c r="E47" s="232"/>
      <c r="F47" s="232"/>
      <c r="G47" s="232"/>
      <c r="H47" s="232"/>
      <c r="I47" s="231"/>
      <c r="J47" s="230" t="s">
        <v>33</v>
      </c>
      <c r="K47" s="232"/>
      <c r="L47" s="232"/>
      <c r="M47" s="231"/>
      <c r="N47" s="230" t="s">
        <v>14</v>
      </c>
      <c r="O47" s="233"/>
    </row>
    <row r="48" spans="1:15" ht="20.100000000000001" customHeight="1">
      <c r="A48" s="9">
        <v>1</v>
      </c>
      <c r="B48" s="234"/>
      <c r="C48" s="236"/>
      <c r="D48" s="234"/>
      <c r="E48" s="235"/>
      <c r="F48" s="235"/>
      <c r="G48" s="235"/>
      <c r="H48" s="235"/>
      <c r="I48" s="236"/>
      <c r="J48" s="234"/>
      <c r="K48" s="235"/>
      <c r="L48" s="235"/>
      <c r="M48" s="236"/>
      <c r="N48" s="234"/>
      <c r="O48" s="237"/>
    </row>
    <row r="49" spans="1:15" ht="20.100000000000001" customHeight="1">
      <c r="A49" s="14">
        <v>2</v>
      </c>
      <c r="B49" s="222"/>
      <c r="C49" s="223"/>
      <c r="D49" s="222"/>
      <c r="E49" s="224"/>
      <c r="F49" s="224"/>
      <c r="G49" s="224"/>
      <c r="H49" s="224"/>
      <c r="I49" s="223"/>
      <c r="J49" s="222"/>
      <c r="K49" s="224"/>
      <c r="L49" s="224"/>
      <c r="M49" s="223"/>
      <c r="N49" s="222"/>
      <c r="O49" s="225"/>
    </row>
    <row r="50" spans="1:15" ht="15" customHeight="1"/>
    <row r="51" spans="1:15" ht="15" customHeight="1"/>
    <row r="52" spans="1:15" ht="15" customHeight="1"/>
    <row r="53" spans="1:15" ht="15" customHeight="1"/>
    <row r="54" spans="1:15" ht="15" customHeight="1"/>
    <row r="55" spans="1:15" ht="15" customHeight="1"/>
    <row r="56" spans="1:15" ht="15" customHeight="1"/>
    <row r="57" spans="1:15" ht="15" customHeight="1"/>
    <row r="58" spans="1:15" ht="15" customHeight="1"/>
    <row r="59" spans="1:15" ht="15" customHeight="1"/>
    <row r="60" spans="1:15" ht="15" customHeight="1"/>
    <row r="61" spans="1:15" ht="15" customHeight="1"/>
    <row r="62" spans="1:15" ht="15" customHeight="1"/>
    <row r="63" spans="1:15" ht="15" customHeight="1"/>
    <row r="64" spans="1:15" ht="15" customHeight="1"/>
    <row r="65" ht="15" customHeight="1"/>
    <row r="66" ht="15" customHeight="1"/>
  </sheetData>
  <mergeCells count="130">
    <mergeCell ref="N34:O34"/>
    <mergeCell ref="N35:O35"/>
    <mergeCell ref="N36:O36"/>
    <mergeCell ref="N37:O37"/>
    <mergeCell ref="N38:O38"/>
    <mergeCell ref="A34:B34"/>
    <mergeCell ref="A35:B35"/>
    <mergeCell ref="A36:B36"/>
    <mergeCell ref="A37:B37"/>
    <mergeCell ref="A38:B38"/>
    <mergeCell ref="D35:I35"/>
    <mergeCell ref="J35:L35"/>
    <mergeCell ref="D36:I36"/>
    <mergeCell ref="J36:L36"/>
    <mergeCell ref="D37:I37"/>
    <mergeCell ref="J37:L37"/>
    <mergeCell ref="D38:I38"/>
    <mergeCell ref="J38:L38"/>
    <mergeCell ref="D34:I34"/>
    <mergeCell ref="J34:L34"/>
    <mergeCell ref="A23:B23"/>
    <mergeCell ref="A24:B24"/>
    <mergeCell ref="A26:B26"/>
    <mergeCell ref="N18:O18"/>
    <mergeCell ref="N19:O19"/>
    <mergeCell ref="N20:O20"/>
    <mergeCell ref="N21:O21"/>
    <mergeCell ref="N22:O22"/>
    <mergeCell ref="N23:O23"/>
    <mergeCell ref="N26:O26"/>
    <mergeCell ref="A18:B18"/>
    <mergeCell ref="A19:B19"/>
    <mergeCell ref="A20:B20"/>
    <mergeCell ref="A21:B21"/>
    <mergeCell ref="A22:B22"/>
    <mergeCell ref="D21:I21"/>
    <mergeCell ref="J21:L21"/>
    <mergeCell ref="D22:I22"/>
    <mergeCell ref="J22:L22"/>
    <mergeCell ref="D23:I23"/>
    <mergeCell ref="J23:L23"/>
    <mergeCell ref="D24:I24"/>
    <mergeCell ref="J24:L24"/>
    <mergeCell ref="N24:O24"/>
    <mergeCell ref="A12:O14"/>
    <mergeCell ref="A1:B1"/>
    <mergeCell ref="D1:L1"/>
    <mergeCell ref="M1:O1"/>
    <mergeCell ref="A8:C10"/>
    <mergeCell ref="D8:O10"/>
    <mergeCell ref="A16:B16"/>
    <mergeCell ref="D16:I16"/>
    <mergeCell ref="J16:L16"/>
    <mergeCell ref="N16:O16"/>
    <mergeCell ref="A17:B17"/>
    <mergeCell ref="D17:I17"/>
    <mergeCell ref="J17:L17"/>
    <mergeCell ref="N17:O17"/>
    <mergeCell ref="D18:I18"/>
    <mergeCell ref="J18:L18"/>
    <mergeCell ref="D19:I19"/>
    <mergeCell ref="J19:L19"/>
    <mergeCell ref="D20:I20"/>
    <mergeCell ref="J20:L20"/>
    <mergeCell ref="A25:B25"/>
    <mergeCell ref="D25:I25"/>
    <mergeCell ref="J25:L25"/>
    <mergeCell ref="N25:O25"/>
    <mergeCell ref="D26:I26"/>
    <mergeCell ref="J26:L26"/>
    <mergeCell ref="A27:B27"/>
    <mergeCell ref="D27:I27"/>
    <mergeCell ref="J27:L27"/>
    <mergeCell ref="A28:B28"/>
    <mergeCell ref="D28:I28"/>
    <mergeCell ref="J28:L28"/>
    <mergeCell ref="N28:O28"/>
    <mergeCell ref="D29:I29"/>
    <mergeCell ref="J29:L29"/>
    <mergeCell ref="A29:B29"/>
    <mergeCell ref="N29:O29"/>
    <mergeCell ref="N27:O27"/>
    <mergeCell ref="D30:I30"/>
    <mergeCell ref="J30:L30"/>
    <mergeCell ref="D31:I31"/>
    <mergeCell ref="J31:L31"/>
    <mergeCell ref="D32:I32"/>
    <mergeCell ref="J32:L32"/>
    <mergeCell ref="N32:O32"/>
    <mergeCell ref="A33:B33"/>
    <mergeCell ref="D33:I33"/>
    <mergeCell ref="J33:L33"/>
    <mergeCell ref="N33:O33"/>
    <mergeCell ref="A32:B32"/>
    <mergeCell ref="A30:B30"/>
    <mergeCell ref="A31:B31"/>
    <mergeCell ref="N31:O31"/>
    <mergeCell ref="N30:O30"/>
    <mergeCell ref="A40:B40"/>
    <mergeCell ref="D40:I40"/>
    <mergeCell ref="J40:L40"/>
    <mergeCell ref="A39:B39"/>
    <mergeCell ref="N40:O40"/>
    <mergeCell ref="A41:B41"/>
    <mergeCell ref="D41:I41"/>
    <mergeCell ref="J41:L41"/>
    <mergeCell ref="N41:O41"/>
    <mergeCell ref="N39:O39"/>
    <mergeCell ref="D39:I39"/>
    <mergeCell ref="J39:L39"/>
    <mergeCell ref="A42:B42"/>
    <mergeCell ref="D42:I42"/>
    <mergeCell ref="J42:L42"/>
    <mergeCell ref="N42:O42"/>
    <mergeCell ref="B48:C48"/>
    <mergeCell ref="D48:I48"/>
    <mergeCell ref="J48:M48"/>
    <mergeCell ref="N48:O48"/>
    <mergeCell ref="B49:C49"/>
    <mergeCell ref="D49:I49"/>
    <mergeCell ref="J49:M49"/>
    <mergeCell ref="N49:O49"/>
    <mergeCell ref="A43:B43"/>
    <mergeCell ref="D43:I43"/>
    <mergeCell ref="J43:L43"/>
    <mergeCell ref="N43:O43"/>
    <mergeCell ref="B47:C47"/>
    <mergeCell ref="D47:I47"/>
    <mergeCell ref="J47:M47"/>
    <mergeCell ref="N47:O47"/>
  </mergeCells>
  <phoneticPr fontId="2"/>
  <dataValidations count="1">
    <dataValidation type="list" allowBlank="1" showInputMessage="1" showErrorMessage="1" sqref="M17:M4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T48"/>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110</v>
      </c>
      <c r="B8" s="177"/>
      <c r="C8" s="178"/>
      <c r="D8" s="185" t="s">
        <v>177</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91</v>
      </c>
      <c r="B17" s="215"/>
      <c r="C17" s="18" t="s">
        <v>92</v>
      </c>
      <c r="D17" s="170" t="s">
        <v>93</v>
      </c>
      <c r="E17" s="170"/>
      <c r="F17" s="170"/>
      <c r="G17" s="170"/>
      <c r="H17" s="170"/>
      <c r="I17" s="170"/>
      <c r="J17" s="170" t="s">
        <v>94</v>
      </c>
      <c r="K17" s="170"/>
      <c r="L17" s="170"/>
      <c r="M17" s="91"/>
      <c r="N17" s="170"/>
      <c r="O17" s="171"/>
    </row>
    <row r="18" spans="1:15" ht="55.35" customHeight="1">
      <c r="A18" s="212"/>
      <c r="B18" s="213"/>
      <c r="C18" s="19" t="s">
        <v>74</v>
      </c>
      <c r="D18" s="172" t="s">
        <v>285</v>
      </c>
      <c r="E18" s="172"/>
      <c r="F18" s="172"/>
      <c r="G18" s="172"/>
      <c r="H18" s="172"/>
      <c r="I18" s="172"/>
      <c r="J18" s="172" t="s">
        <v>95</v>
      </c>
      <c r="K18" s="172"/>
      <c r="L18" s="172"/>
      <c r="M18" s="89"/>
      <c r="N18" s="172"/>
      <c r="O18" s="173"/>
    </row>
    <row r="19" spans="1:15" ht="50.1" customHeight="1">
      <c r="A19" s="212"/>
      <c r="B19" s="213"/>
      <c r="C19" s="19" t="s">
        <v>96</v>
      </c>
      <c r="D19" s="172" t="s">
        <v>98</v>
      </c>
      <c r="E19" s="172"/>
      <c r="F19" s="172"/>
      <c r="G19" s="172"/>
      <c r="H19" s="172"/>
      <c r="I19" s="172"/>
      <c r="J19" s="172" t="s">
        <v>97</v>
      </c>
      <c r="K19" s="172"/>
      <c r="L19" s="172"/>
      <c r="M19" s="28"/>
      <c r="N19" s="172"/>
      <c r="O19" s="173"/>
    </row>
    <row r="20" spans="1:15" ht="70.349999999999994" customHeight="1">
      <c r="A20" s="212"/>
      <c r="B20" s="213"/>
      <c r="C20" s="19" t="s">
        <v>52</v>
      </c>
      <c r="D20" s="172" t="s">
        <v>241</v>
      </c>
      <c r="E20" s="172"/>
      <c r="F20" s="172"/>
      <c r="G20" s="172"/>
      <c r="H20" s="172"/>
      <c r="I20" s="172"/>
      <c r="J20" s="172" t="s">
        <v>99</v>
      </c>
      <c r="K20" s="172"/>
      <c r="L20" s="172"/>
      <c r="M20" s="28"/>
      <c r="N20" s="172"/>
      <c r="O20" s="173"/>
    </row>
    <row r="21" spans="1:15" ht="60" customHeight="1">
      <c r="A21" s="212"/>
      <c r="B21" s="213"/>
      <c r="C21" s="19" t="s">
        <v>100</v>
      </c>
      <c r="D21" s="172" t="s">
        <v>101</v>
      </c>
      <c r="E21" s="172"/>
      <c r="F21" s="172"/>
      <c r="G21" s="172"/>
      <c r="H21" s="172"/>
      <c r="I21" s="172"/>
      <c r="J21" s="172" t="s">
        <v>102</v>
      </c>
      <c r="K21" s="172"/>
      <c r="L21" s="172"/>
      <c r="M21" s="28"/>
      <c r="N21" s="172"/>
      <c r="O21" s="173"/>
    </row>
    <row r="22" spans="1:15" ht="60" customHeight="1">
      <c r="A22" s="212"/>
      <c r="B22" s="213"/>
      <c r="C22" s="19" t="s">
        <v>103</v>
      </c>
      <c r="D22" s="172" t="s">
        <v>104</v>
      </c>
      <c r="E22" s="172"/>
      <c r="F22" s="172"/>
      <c r="G22" s="172"/>
      <c r="H22" s="172"/>
      <c r="I22" s="172"/>
      <c r="J22" s="172" t="s">
        <v>105</v>
      </c>
      <c r="K22" s="172"/>
      <c r="L22" s="172"/>
      <c r="M22" s="28"/>
      <c r="N22" s="172"/>
      <c r="O22" s="173"/>
    </row>
    <row r="23" spans="1:15" ht="50.1" customHeight="1">
      <c r="A23" s="212"/>
      <c r="B23" s="213"/>
      <c r="C23" s="19" t="s">
        <v>106</v>
      </c>
      <c r="D23" s="172" t="s">
        <v>107</v>
      </c>
      <c r="E23" s="172"/>
      <c r="F23" s="172"/>
      <c r="G23" s="172"/>
      <c r="H23" s="172"/>
      <c r="I23" s="172"/>
      <c r="J23" s="172" t="s">
        <v>108</v>
      </c>
      <c r="K23" s="172"/>
      <c r="L23" s="172"/>
      <c r="M23" s="28"/>
      <c r="N23" s="172"/>
      <c r="O23" s="173"/>
    </row>
    <row r="24" spans="1:15" ht="60" customHeight="1">
      <c r="A24" s="212" t="s">
        <v>50</v>
      </c>
      <c r="B24" s="213"/>
      <c r="C24" s="19" t="s">
        <v>56</v>
      </c>
      <c r="D24" s="172" t="s">
        <v>109</v>
      </c>
      <c r="E24" s="172"/>
      <c r="F24" s="172"/>
      <c r="G24" s="172"/>
      <c r="H24" s="172"/>
      <c r="I24" s="172"/>
      <c r="J24" s="172" t="s">
        <v>62</v>
      </c>
      <c r="K24" s="172"/>
      <c r="L24" s="172"/>
      <c r="M24" s="28"/>
      <c r="N24" s="172"/>
      <c r="O24" s="173"/>
    </row>
    <row r="25" spans="1:15" ht="50.1" customHeight="1">
      <c r="A25" s="226" t="s">
        <v>138</v>
      </c>
      <c r="B25" s="227"/>
      <c r="C25" s="20"/>
      <c r="D25" s="228" t="s">
        <v>194</v>
      </c>
      <c r="E25" s="228"/>
      <c r="F25" s="228"/>
      <c r="G25" s="228"/>
      <c r="H25" s="228"/>
      <c r="I25" s="228"/>
      <c r="J25" s="228"/>
      <c r="K25" s="228"/>
      <c r="L25" s="228"/>
      <c r="M25" s="17"/>
      <c r="N25" s="228"/>
      <c r="O25" s="229"/>
    </row>
    <row r="26" spans="1:15" ht="15" customHeight="1">
      <c r="A26" s="23" t="s">
        <v>26</v>
      </c>
    </row>
    <row r="27" spans="1:15" ht="15" customHeight="1">
      <c r="A27" s="6"/>
    </row>
    <row r="28" spans="1:15" ht="15" customHeight="1">
      <c r="A28" s="13" t="s">
        <v>28</v>
      </c>
    </row>
    <row r="29" spans="1:15" ht="15" customHeight="1">
      <c r="A29" s="12" t="s">
        <v>12</v>
      </c>
      <c r="B29" s="230" t="s">
        <v>6</v>
      </c>
      <c r="C29" s="231"/>
      <c r="D29" s="230" t="s">
        <v>29</v>
      </c>
      <c r="E29" s="232"/>
      <c r="F29" s="232"/>
      <c r="G29" s="232"/>
      <c r="H29" s="232"/>
      <c r="I29" s="231"/>
      <c r="J29" s="230" t="s">
        <v>33</v>
      </c>
      <c r="K29" s="232"/>
      <c r="L29" s="232"/>
      <c r="M29" s="231"/>
      <c r="N29" s="230" t="s">
        <v>14</v>
      </c>
      <c r="O29" s="233"/>
    </row>
    <row r="30" spans="1:15" ht="20.100000000000001" customHeight="1">
      <c r="A30" s="9">
        <v>1</v>
      </c>
      <c r="B30" s="234"/>
      <c r="C30" s="236"/>
      <c r="D30" s="234"/>
      <c r="E30" s="235"/>
      <c r="F30" s="235"/>
      <c r="G30" s="235"/>
      <c r="H30" s="235"/>
      <c r="I30" s="236"/>
      <c r="J30" s="234"/>
      <c r="K30" s="235"/>
      <c r="L30" s="235"/>
      <c r="M30" s="236"/>
      <c r="N30" s="234"/>
      <c r="O30" s="237"/>
    </row>
    <row r="31" spans="1:15" ht="20.100000000000001" customHeight="1">
      <c r="A31" s="14">
        <v>2</v>
      </c>
      <c r="B31" s="222"/>
      <c r="C31" s="223"/>
      <c r="D31" s="222"/>
      <c r="E31" s="224"/>
      <c r="F31" s="224"/>
      <c r="G31" s="224"/>
      <c r="H31" s="224"/>
      <c r="I31" s="223"/>
      <c r="J31" s="222"/>
      <c r="K31" s="224"/>
      <c r="L31" s="224"/>
      <c r="M31" s="223"/>
      <c r="N31" s="222"/>
      <c r="O31" s="225"/>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2:B22"/>
    <mergeCell ref="D22:I22"/>
    <mergeCell ref="J22:L22"/>
    <mergeCell ref="N22:O22"/>
    <mergeCell ref="A21:B21"/>
    <mergeCell ref="D21:I21"/>
    <mergeCell ref="J21:L21"/>
    <mergeCell ref="N21:O21"/>
    <mergeCell ref="A23:B23"/>
    <mergeCell ref="D23:I23"/>
    <mergeCell ref="J23:L23"/>
    <mergeCell ref="N23:O23"/>
    <mergeCell ref="A25:B25"/>
    <mergeCell ref="D25:I25"/>
    <mergeCell ref="J25:L25"/>
    <mergeCell ref="N25:O25"/>
    <mergeCell ref="A24:B24"/>
    <mergeCell ref="D24:I24"/>
    <mergeCell ref="J24:L24"/>
    <mergeCell ref="N24:O24"/>
    <mergeCell ref="B31:C31"/>
    <mergeCell ref="D31:I31"/>
    <mergeCell ref="J31:M31"/>
    <mergeCell ref="N31:O31"/>
    <mergeCell ref="B29:C29"/>
    <mergeCell ref="D29:I29"/>
    <mergeCell ref="J29:M29"/>
    <mergeCell ref="N29:O29"/>
    <mergeCell ref="B30:C30"/>
    <mergeCell ref="D30:I30"/>
    <mergeCell ref="J30:M30"/>
    <mergeCell ref="N30:O30"/>
  </mergeCells>
  <phoneticPr fontId="2"/>
  <dataValidations disablePrompts="1"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7" orientation="portrait" r:id="rId1"/>
  <headerFooter>
    <oddHeader>&amp;R&amp;"HG丸ｺﾞｼｯｸM-PRO,標準"&amp;8標準的チェックリスト（&amp;A）</oddHead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8"/>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79</v>
      </c>
      <c r="B8" s="177"/>
      <c r="C8" s="178"/>
      <c r="D8" s="185" t="s">
        <v>178</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90" customHeight="1">
      <c r="A17" s="214" t="s">
        <v>168</v>
      </c>
      <c r="B17" s="335"/>
      <c r="C17" s="18" t="s">
        <v>169</v>
      </c>
      <c r="D17" s="170" t="s">
        <v>179</v>
      </c>
      <c r="E17" s="170"/>
      <c r="F17" s="170"/>
      <c r="G17" s="170"/>
      <c r="H17" s="170"/>
      <c r="I17" s="170"/>
      <c r="J17" s="170" t="s">
        <v>180</v>
      </c>
      <c r="K17" s="170"/>
      <c r="L17" s="170"/>
      <c r="M17" s="91"/>
      <c r="N17" s="170"/>
      <c r="O17" s="171"/>
    </row>
    <row r="18" spans="1:15" ht="50.1" customHeight="1">
      <c r="A18" s="212"/>
      <c r="B18" s="331"/>
      <c r="C18" s="19"/>
      <c r="D18" s="172"/>
      <c r="E18" s="172"/>
      <c r="F18" s="172"/>
      <c r="G18" s="172"/>
      <c r="H18" s="172"/>
      <c r="I18" s="172"/>
      <c r="J18" s="172"/>
      <c r="K18" s="172"/>
      <c r="L18" s="172"/>
      <c r="M18" s="89"/>
      <c r="N18" s="172"/>
      <c r="O18" s="173"/>
    </row>
    <row r="19" spans="1:15" ht="50.1" customHeight="1">
      <c r="A19" s="212"/>
      <c r="B19" s="213"/>
      <c r="C19" s="19"/>
      <c r="D19" s="172"/>
      <c r="E19" s="172"/>
      <c r="F19" s="172"/>
      <c r="G19" s="172"/>
      <c r="H19" s="172"/>
      <c r="I19" s="172"/>
      <c r="J19" s="172"/>
      <c r="K19" s="172"/>
      <c r="L19" s="172"/>
      <c r="M19" s="28"/>
      <c r="N19" s="172"/>
      <c r="O19" s="173"/>
    </row>
    <row r="20" spans="1:15" ht="50.1" customHeight="1">
      <c r="A20" s="212"/>
      <c r="B20" s="213"/>
      <c r="C20" s="19"/>
      <c r="D20" s="172"/>
      <c r="E20" s="172"/>
      <c r="F20" s="172"/>
      <c r="G20" s="172"/>
      <c r="H20" s="172"/>
      <c r="I20" s="172"/>
      <c r="J20" s="172"/>
      <c r="K20" s="172"/>
      <c r="L20" s="172"/>
      <c r="M20" s="28"/>
      <c r="N20" s="172"/>
      <c r="O20" s="173"/>
    </row>
    <row r="21" spans="1:15" ht="50.1" customHeight="1">
      <c r="A21" s="212"/>
      <c r="B21" s="213"/>
      <c r="C21" s="19"/>
      <c r="D21" s="172"/>
      <c r="E21" s="172"/>
      <c r="F21" s="172"/>
      <c r="G21" s="172"/>
      <c r="H21" s="172"/>
      <c r="I21" s="172"/>
      <c r="J21" s="172"/>
      <c r="K21" s="172"/>
      <c r="L21" s="172"/>
      <c r="M21" s="28"/>
      <c r="N21" s="172"/>
      <c r="O21" s="173"/>
    </row>
    <row r="22" spans="1:15" ht="50.1" customHeight="1">
      <c r="A22" s="212"/>
      <c r="B22" s="213"/>
      <c r="C22" s="19"/>
      <c r="D22" s="172"/>
      <c r="E22" s="172"/>
      <c r="F22" s="172"/>
      <c r="G22" s="172"/>
      <c r="H22" s="172"/>
      <c r="I22" s="172"/>
      <c r="J22" s="172"/>
      <c r="K22" s="172"/>
      <c r="L22" s="172"/>
      <c r="M22" s="28"/>
      <c r="N22" s="172"/>
      <c r="O22" s="173"/>
    </row>
    <row r="23" spans="1:15" ht="50.1" customHeight="1">
      <c r="A23" s="212"/>
      <c r="B23" s="213"/>
      <c r="C23" s="19"/>
      <c r="D23" s="172"/>
      <c r="E23" s="172"/>
      <c r="F23" s="172"/>
      <c r="G23" s="172"/>
      <c r="H23" s="172"/>
      <c r="I23" s="172"/>
      <c r="J23" s="172"/>
      <c r="K23" s="172"/>
      <c r="L23" s="172"/>
      <c r="M23" s="28"/>
      <c r="N23" s="172"/>
      <c r="O23" s="173"/>
    </row>
    <row r="24" spans="1:15" ht="50.1" customHeight="1">
      <c r="A24" s="212"/>
      <c r="B24" s="213"/>
      <c r="C24" s="19"/>
      <c r="D24" s="172"/>
      <c r="E24" s="172"/>
      <c r="F24" s="172"/>
      <c r="G24" s="172"/>
      <c r="H24" s="172"/>
      <c r="I24" s="172"/>
      <c r="J24" s="172"/>
      <c r="K24" s="172"/>
      <c r="L24" s="172"/>
      <c r="M24" s="28"/>
      <c r="N24" s="172"/>
      <c r="O24" s="173"/>
    </row>
    <row r="25" spans="1:15" ht="27.75" customHeight="1">
      <c r="A25" s="226"/>
      <c r="B25" s="227"/>
      <c r="C25" s="20"/>
      <c r="D25" s="228"/>
      <c r="E25" s="228"/>
      <c r="F25" s="228"/>
      <c r="G25" s="228"/>
      <c r="H25" s="228"/>
      <c r="I25" s="228"/>
      <c r="J25" s="228"/>
      <c r="K25" s="228"/>
      <c r="L25" s="228"/>
      <c r="M25" s="17"/>
      <c r="N25" s="228"/>
      <c r="O25" s="229"/>
    </row>
    <row r="26" spans="1:15" ht="15" customHeight="1">
      <c r="A26" s="23" t="s">
        <v>26</v>
      </c>
    </row>
    <row r="27" spans="1:15" ht="15" customHeight="1">
      <c r="A27" s="6"/>
    </row>
    <row r="28" spans="1:15" ht="15" customHeight="1">
      <c r="A28" s="13" t="s">
        <v>28</v>
      </c>
    </row>
    <row r="29" spans="1:15" ht="15" customHeight="1">
      <c r="A29" s="12" t="s">
        <v>12</v>
      </c>
      <c r="B29" s="230" t="s">
        <v>6</v>
      </c>
      <c r="C29" s="231"/>
      <c r="D29" s="230" t="s">
        <v>29</v>
      </c>
      <c r="E29" s="232"/>
      <c r="F29" s="232"/>
      <c r="G29" s="232"/>
      <c r="H29" s="232"/>
      <c r="I29" s="231"/>
      <c r="J29" s="230" t="s">
        <v>33</v>
      </c>
      <c r="K29" s="232"/>
      <c r="L29" s="232"/>
      <c r="M29" s="231"/>
      <c r="N29" s="230" t="s">
        <v>14</v>
      </c>
      <c r="O29" s="233"/>
    </row>
    <row r="30" spans="1:15" ht="20.100000000000001" customHeight="1">
      <c r="A30" s="9">
        <v>1</v>
      </c>
      <c r="B30" s="234"/>
      <c r="C30" s="236"/>
      <c r="D30" s="234"/>
      <c r="E30" s="235"/>
      <c r="F30" s="235"/>
      <c r="G30" s="235"/>
      <c r="H30" s="235"/>
      <c r="I30" s="236"/>
      <c r="J30" s="234"/>
      <c r="K30" s="235"/>
      <c r="L30" s="235"/>
      <c r="M30" s="236"/>
      <c r="N30" s="234"/>
      <c r="O30" s="237"/>
    </row>
    <row r="31" spans="1:15" ht="20.100000000000001" customHeight="1">
      <c r="A31" s="14">
        <v>2</v>
      </c>
      <c r="B31" s="222"/>
      <c r="C31" s="223"/>
      <c r="D31" s="222"/>
      <c r="E31" s="224"/>
      <c r="F31" s="224"/>
      <c r="G31" s="224"/>
      <c r="H31" s="224"/>
      <c r="I31" s="223"/>
      <c r="J31" s="222"/>
      <c r="K31" s="224"/>
      <c r="L31" s="224"/>
      <c r="M31" s="223"/>
      <c r="N31" s="222"/>
      <c r="O31" s="225"/>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A25:B25"/>
    <mergeCell ref="D25:I25"/>
    <mergeCell ref="J25:L25"/>
    <mergeCell ref="N25:O25"/>
    <mergeCell ref="B29:C29"/>
    <mergeCell ref="D29:I29"/>
    <mergeCell ref="J29:M29"/>
    <mergeCell ref="N29:O29"/>
    <mergeCell ref="B30:C30"/>
    <mergeCell ref="D30:I30"/>
    <mergeCell ref="J30:M30"/>
    <mergeCell ref="N30:O30"/>
    <mergeCell ref="B31:C31"/>
    <mergeCell ref="D31:I31"/>
    <mergeCell ref="J31:M31"/>
    <mergeCell ref="N31:O31"/>
  </mergeCells>
  <phoneticPr fontId="2"/>
  <dataValidations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59999389629810485"/>
  </sheetPr>
  <dimension ref="A1:T61"/>
  <sheetViews>
    <sheetView showGridLines="0" view="pageBreakPreview" zoomScale="120" zoomScaleNormal="120" zoomScaleSheetLayoutView="120" workbookViewId="0">
      <selection activeCell="D22" sqref="D22:I22"/>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5</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80</v>
      </c>
      <c r="B8" s="177"/>
      <c r="C8" s="178"/>
      <c r="D8" s="185" t="s">
        <v>193</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8"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7" ht="85.35" customHeight="1">
      <c r="A17" s="214" t="s">
        <v>336</v>
      </c>
      <c r="B17" s="335"/>
      <c r="C17" s="18" t="s">
        <v>335</v>
      </c>
      <c r="D17" s="170" t="s">
        <v>181</v>
      </c>
      <c r="E17" s="170"/>
      <c r="F17" s="170"/>
      <c r="G17" s="170"/>
      <c r="H17" s="170"/>
      <c r="I17" s="170"/>
      <c r="J17" s="269" t="s">
        <v>254</v>
      </c>
      <c r="K17" s="216"/>
      <c r="L17" s="216"/>
      <c r="M17" s="91"/>
      <c r="N17" s="170"/>
      <c r="O17" s="171"/>
    </row>
    <row r="18" spans="1:17" ht="60" customHeight="1">
      <c r="A18" s="212"/>
      <c r="B18" s="213"/>
      <c r="C18" s="19" t="s">
        <v>334</v>
      </c>
      <c r="D18" s="172" t="s">
        <v>208</v>
      </c>
      <c r="E18" s="172"/>
      <c r="F18" s="172"/>
      <c r="G18" s="172"/>
      <c r="H18" s="172"/>
      <c r="I18" s="172"/>
      <c r="J18" s="270" t="s">
        <v>209</v>
      </c>
      <c r="K18" s="211"/>
      <c r="L18" s="211"/>
      <c r="M18" s="28"/>
      <c r="N18" s="172"/>
      <c r="O18" s="173"/>
    </row>
    <row r="19" spans="1:17" ht="130.35" customHeight="1">
      <c r="A19" s="212"/>
      <c r="B19" s="213"/>
      <c r="C19" s="19"/>
      <c r="D19" s="172" t="s">
        <v>366</v>
      </c>
      <c r="E19" s="244"/>
      <c r="F19" s="244"/>
      <c r="G19" s="244"/>
      <c r="H19" s="244"/>
      <c r="I19" s="244"/>
      <c r="J19" s="257" t="s">
        <v>210</v>
      </c>
      <c r="K19" s="257"/>
      <c r="L19" s="257"/>
      <c r="M19" s="28"/>
      <c r="N19" s="219"/>
      <c r="O19" s="220"/>
    </row>
    <row r="20" spans="1:17" ht="115.5" customHeight="1">
      <c r="A20" s="338"/>
      <c r="B20" s="172"/>
      <c r="C20" s="19"/>
      <c r="D20" s="172" t="s">
        <v>564</v>
      </c>
      <c r="E20" s="244"/>
      <c r="F20" s="244"/>
      <c r="G20" s="244"/>
      <c r="H20" s="244"/>
      <c r="I20" s="244"/>
      <c r="J20" s="270"/>
      <c r="K20" s="270"/>
      <c r="L20" s="270"/>
      <c r="M20" s="28"/>
      <c r="N20" s="172"/>
      <c r="O20" s="173"/>
    </row>
    <row r="21" spans="1:17" ht="80.099999999999994" customHeight="1">
      <c r="A21" s="212"/>
      <c r="B21" s="213"/>
      <c r="C21" s="19" t="s">
        <v>333</v>
      </c>
      <c r="D21" s="172" t="s">
        <v>185</v>
      </c>
      <c r="E21" s="172"/>
      <c r="F21" s="172"/>
      <c r="G21" s="172"/>
      <c r="H21" s="172"/>
      <c r="I21" s="172"/>
      <c r="J21" s="172" t="s">
        <v>207</v>
      </c>
      <c r="K21" s="172"/>
      <c r="L21" s="172"/>
      <c r="M21" s="28"/>
      <c r="N21" s="172"/>
      <c r="O21" s="173"/>
    </row>
    <row r="22" spans="1:17" ht="129" customHeight="1">
      <c r="A22" s="212"/>
      <c r="B22" s="213"/>
      <c r="C22" s="19" t="s">
        <v>332</v>
      </c>
      <c r="D22" s="172" t="s">
        <v>565</v>
      </c>
      <c r="E22" s="244"/>
      <c r="F22" s="244"/>
      <c r="G22" s="244"/>
      <c r="H22" s="244"/>
      <c r="I22" s="244"/>
      <c r="J22" s="270" t="s">
        <v>257</v>
      </c>
      <c r="K22" s="211"/>
      <c r="L22" s="211"/>
      <c r="M22" s="28"/>
      <c r="N22" s="172"/>
      <c r="O22" s="173"/>
    </row>
    <row r="23" spans="1:17" ht="60" customHeight="1">
      <c r="A23" s="212"/>
      <c r="B23" s="213"/>
      <c r="C23" s="19" t="s">
        <v>331</v>
      </c>
      <c r="D23" s="172" t="s">
        <v>182</v>
      </c>
      <c r="E23" s="172"/>
      <c r="F23" s="172"/>
      <c r="G23" s="172"/>
      <c r="H23" s="172"/>
      <c r="I23" s="172"/>
      <c r="J23" s="172" t="s">
        <v>183</v>
      </c>
      <c r="K23" s="172"/>
      <c r="L23" s="172"/>
      <c r="M23" s="28"/>
      <c r="N23" s="172"/>
      <c r="O23" s="173"/>
    </row>
    <row r="24" spans="1:17" ht="70.349999999999994" customHeight="1">
      <c r="A24" s="212"/>
      <c r="B24" s="213"/>
      <c r="C24" s="19" t="s">
        <v>330</v>
      </c>
      <c r="D24" s="172" t="s">
        <v>202</v>
      </c>
      <c r="E24" s="172"/>
      <c r="F24" s="172"/>
      <c r="G24" s="172"/>
      <c r="H24" s="172"/>
      <c r="I24" s="172"/>
      <c r="J24" s="172" t="s">
        <v>203</v>
      </c>
      <c r="K24" s="172"/>
      <c r="L24" s="172"/>
      <c r="M24" s="28"/>
      <c r="N24" s="172"/>
      <c r="O24" s="173"/>
    </row>
    <row r="25" spans="1:17" ht="120" customHeight="1">
      <c r="A25" s="212"/>
      <c r="B25" s="213"/>
      <c r="C25" s="51" t="s">
        <v>329</v>
      </c>
      <c r="D25" s="172" t="s">
        <v>360</v>
      </c>
      <c r="E25" s="244"/>
      <c r="F25" s="244"/>
      <c r="G25" s="244"/>
      <c r="H25" s="244"/>
      <c r="I25" s="244"/>
      <c r="J25" s="172" t="s">
        <v>206</v>
      </c>
      <c r="K25" s="172"/>
      <c r="L25" s="172"/>
      <c r="M25" s="89"/>
      <c r="N25" s="172"/>
      <c r="O25" s="173"/>
      <c r="Q25" s="37"/>
    </row>
    <row r="26" spans="1:17" ht="60" customHeight="1">
      <c r="A26" s="212"/>
      <c r="B26" s="213"/>
      <c r="C26" s="19"/>
      <c r="D26" s="270" t="s">
        <v>255</v>
      </c>
      <c r="E26" s="211"/>
      <c r="F26" s="211"/>
      <c r="G26" s="211"/>
      <c r="H26" s="211"/>
      <c r="I26" s="211"/>
      <c r="J26" s="172" t="s">
        <v>204</v>
      </c>
      <c r="K26" s="340"/>
      <c r="L26" s="340"/>
      <c r="M26" s="89"/>
      <c r="N26" s="172"/>
      <c r="O26" s="173"/>
      <c r="Q26" s="37"/>
    </row>
    <row r="27" spans="1:17" ht="60" customHeight="1">
      <c r="A27" s="212"/>
      <c r="B27" s="213"/>
      <c r="C27" s="19"/>
      <c r="D27" s="270" t="s">
        <v>328</v>
      </c>
      <c r="E27" s="211"/>
      <c r="F27" s="211"/>
      <c r="G27" s="211"/>
      <c r="H27" s="211"/>
      <c r="I27" s="211"/>
      <c r="J27" s="172" t="s">
        <v>327</v>
      </c>
      <c r="K27" s="340"/>
      <c r="L27" s="340"/>
      <c r="M27" s="89"/>
      <c r="N27" s="172"/>
      <c r="O27" s="173"/>
      <c r="Q27" s="37"/>
    </row>
    <row r="28" spans="1:17" ht="69.75" customHeight="1">
      <c r="A28" s="212"/>
      <c r="B28" s="213"/>
      <c r="C28" s="19"/>
      <c r="D28" s="270" t="s">
        <v>256</v>
      </c>
      <c r="E28" s="332"/>
      <c r="F28" s="332"/>
      <c r="G28" s="332"/>
      <c r="H28" s="332"/>
      <c r="I28" s="332"/>
      <c r="J28" s="172" t="s">
        <v>326</v>
      </c>
      <c r="K28" s="340"/>
      <c r="L28" s="340"/>
      <c r="M28" s="89"/>
      <c r="N28" s="172"/>
      <c r="O28" s="173"/>
      <c r="Q28" s="37"/>
    </row>
    <row r="29" spans="1:17" ht="54" customHeight="1">
      <c r="A29" s="212"/>
      <c r="B29" s="213"/>
      <c r="C29" s="19"/>
      <c r="D29" s="332"/>
      <c r="E29" s="332"/>
      <c r="F29" s="332"/>
      <c r="G29" s="332"/>
      <c r="H29" s="332"/>
      <c r="I29" s="332"/>
      <c r="J29" s="172" t="s">
        <v>205</v>
      </c>
      <c r="K29" s="340"/>
      <c r="L29" s="340"/>
      <c r="M29" s="89"/>
      <c r="N29" s="172"/>
      <c r="O29" s="173"/>
      <c r="Q29" s="37"/>
    </row>
    <row r="30" spans="1:17" ht="39" customHeight="1">
      <c r="A30" s="92"/>
      <c r="B30" s="19"/>
      <c r="C30" s="19"/>
      <c r="D30" s="96"/>
      <c r="E30" s="96"/>
      <c r="F30" s="96"/>
      <c r="G30" s="96"/>
      <c r="H30" s="96"/>
      <c r="I30" s="96"/>
      <c r="J30" s="90"/>
      <c r="K30" s="97"/>
      <c r="L30" s="97"/>
      <c r="M30" s="89"/>
      <c r="N30" s="90"/>
      <c r="O30" s="93"/>
      <c r="Q30" s="37"/>
    </row>
    <row r="31" spans="1:17" ht="39" customHeight="1">
      <c r="A31" s="92"/>
      <c r="B31" s="19"/>
      <c r="C31" s="19"/>
      <c r="D31" s="96"/>
      <c r="E31" s="96"/>
      <c r="F31" s="96"/>
      <c r="G31" s="96"/>
      <c r="H31" s="96"/>
      <c r="I31" s="96"/>
      <c r="J31" s="90"/>
      <c r="K31" s="97"/>
      <c r="L31" s="97"/>
      <c r="M31" s="89"/>
      <c r="N31" s="90"/>
      <c r="O31" s="93"/>
      <c r="Q31" s="37"/>
    </row>
    <row r="32" spans="1:17" ht="54" customHeight="1">
      <c r="A32" s="92"/>
      <c r="B32" s="19"/>
      <c r="C32" s="19"/>
      <c r="D32" s="96"/>
      <c r="E32" s="96"/>
      <c r="F32" s="96"/>
      <c r="G32" s="96"/>
      <c r="H32" s="96"/>
      <c r="I32" s="96"/>
      <c r="J32" s="90"/>
      <c r="K32" s="97"/>
      <c r="L32" s="97"/>
      <c r="M32" s="89"/>
      <c r="N32" s="90"/>
      <c r="O32" s="93"/>
      <c r="Q32" s="37"/>
    </row>
    <row r="33" spans="1:17" ht="60" customHeight="1">
      <c r="A33" s="338"/>
      <c r="B33" s="172"/>
      <c r="C33" s="19"/>
      <c r="D33" s="339"/>
      <c r="E33" s="339"/>
      <c r="F33" s="339"/>
      <c r="G33" s="339"/>
      <c r="H33" s="339"/>
      <c r="I33" s="339"/>
      <c r="J33" s="172"/>
      <c r="K33" s="172"/>
      <c r="L33" s="172"/>
      <c r="M33" s="89"/>
      <c r="N33" s="172"/>
      <c r="O33" s="173"/>
      <c r="Q33" s="37"/>
    </row>
    <row r="34" spans="1:17" ht="50.1" customHeight="1">
      <c r="A34" s="212"/>
      <c r="B34" s="213"/>
      <c r="C34" s="19"/>
      <c r="D34" s="172"/>
      <c r="E34" s="172"/>
      <c r="F34" s="172"/>
      <c r="G34" s="172"/>
      <c r="H34" s="172"/>
      <c r="I34" s="172"/>
      <c r="J34" s="172"/>
      <c r="K34" s="172"/>
      <c r="L34" s="172"/>
      <c r="M34" s="28"/>
      <c r="N34" s="172"/>
      <c r="O34" s="173"/>
    </row>
    <row r="35" spans="1:17" ht="50.1" customHeight="1">
      <c r="A35" s="92"/>
      <c r="B35" s="19"/>
      <c r="C35" s="19"/>
      <c r="D35" s="90"/>
      <c r="E35" s="90"/>
      <c r="F35" s="90"/>
      <c r="G35" s="90"/>
      <c r="H35" s="90"/>
      <c r="I35" s="90"/>
      <c r="J35" s="90"/>
      <c r="K35" s="90"/>
      <c r="L35" s="90"/>
      <c r="M35" s="28"/>
      <c r="N35" s="90"/>
      <c r="O35" s="93"/>
    </row>
    <row r="36" spans="1:17" ht="50.1" customHeight="1">
      <c r="A36" s="92"/>
      <c r="B36" s="19"/>
      <c r="C36" s="19"/>
      <c r="D36" s="90"/>
      <c r="E36" s="90"/>
      <c r="F36" s="90"/>
      <c r="G36" s="90"/>
      <c r="H36" s="90"/>
      <c r="I36" s="90"/>
      <c r="J36" s="90"/>
      <c r="K36" s="90"/>
      <c r="L36" s="90"/>
      <c r="M36" s="28"/>
      <c r="N36" s="90"/>
      <c r="O36" s="93"/>
    </row>
    <row r="37" spans="1:17" ht="60.75" customHeight="1">
      <c r="A37" s="226"/>
      <c r="B37" s="227"/>
      <c r="C37" s="20"/>
      <c r="D37" s="228"/>
      <c r="E37" s="228"/>
      <c r="F37" s="228"/>
      <c r="G37" s="228"/>
      <c r="H37" s="228"/>
      <c r="I37" s="228"/>
      <c r="J37" s="228"/>
      <c r="K37" s="228"/>
      <c r="L37" s="228"/>
      <c r="M37" s="17"/>
      <c r="N37" s="228"/>
      <c r="O37" s="229"/>
    </row>
    <row r="38" spans="1:17" ht="10.35" customHeight="1">
      <c r="A38" s="23" t="s">
        <v>26</v>
      </c>
    </row>
    <row r="39" spans="1:17" ht="10.35" customHeight="1">
      <c r="A39" s="6"/>
    </row>
    <row r="40" spans="1:17" ht="15" customHeight="1">
      <c r="A40" s="13" t="s">
        <v>28</v>
      </c>
    </row>
    <row r="41" spans="1:17" ht="15" customHeight="1">
      <c r="A41" s="12" t="s">
        <v>12</v>
      </c>
      <c r="B41" s="230" t="s">
        <v>6</v>
      </c>
      <c r="C41" s="231"/>
      <c r="D41" s="230" t="s">
        <v>29</v>
      </c>
      <c r="E41" s="232"/>
      <c r="F41" s="232"/>
      <c r="G41" s="232"/>
      <c r="H41" s="232"/>
      <c r="I41" s="231"/>
      <c r="J41" s="230" t="s">
        <v>33</v>
      </c>
      <c r="K41" s="232"/>
      <c r="L41" s="232"/>
      <c r="M41" s="231"/>
      <c r="N41" s="230" t="s">
        <v>14</v>
      </c>
      <c r="O41" s="233"/>
    </row>
    <row r="42" spans="1:17" ht="20.100000000000001" customHeight="1">
      <c r="A42" s="9">
        <v>1</v>
      </c>
      <c r="B42" s="234"/>
      <c r="C42" s="236"/>
      <c r="D42" s="234"/>
      <c r="E42" s="235"/>
      <c r="F42" s="235"/>
      <c r="G42" s="235"/>
      <c r="H42" s="235"/>
      <c r="I42" s="236"/>
      <c r="J42" s="234"/>
      <c r="K42" s="235"/>
      <c r="L42" s="235"/>
      <c r="M42" s="236"/>
      <c r="N42" s="234"/>
      <c r="O42" s="237"/>
    </row>
    <row r="43" spans="1:17" ht="20.100000000000001" customHeight="1">
      <c r="A43" s="14">
        <v>2</v>
      </c>
      <c r="B43" s="222"/>
      <c r="C43" s="223"/>
      <c r="D43" s="222"/>
      <c r="E43" s="224"/>
      <c r="F43" s="224"/>
      <c r="G43" s="224"/>
      <c r="H43" s="224"/>
      <c r="I43" s="223"/>
      <c r="J43" s="222"/>
      <c r="K43" s="224"/>
      <c r="L43" s="224"/>
      <c r="M43" s="223"/>
      <c r="N43" s="222"/>
      <c r="O43" s="225"/>
    </row>
    <row r="44" spans="1:17" ht="20.100000000000001" customHeight="1">
      <c r="A44" s="81"/>
      <c r="B44" s="82"/>
      <c r="C44" s="82"/>
      <c r="D44" s="82"/>
      <c r="E44" s="82"/>
      <c r="F44" s="82"/>
      <c r="G44" s="82"/>
      <c r="H44" s="82"/>
      <c r="I44" s="82"/>
      <c r="J44" s="82"/>
      <c r="K44" s="82"/>
      <c r="L44" s="82"/>
      <c r="M44" s="82"/>
      <c r="N44" s="82"/>
      <c r="O44" s="82"/>
    </row>
    <row r="45" spans="1:17" ht="15" customHeight="1">
      <c r="A45" s="13" t="s">
        <v>170</v>
      </c>
      <c r="B45" s="39"/>
      <c r="C45" s="39"/>
      <c r="D45" s="39"/>
      <c r="E45" s="39"/>
      <c r="F45" s="39"/>
      <c r="G45" s="39"/>
      <c r="H45" s="39"/>
      <c r="I45" s="39"/>
      <c r="J45" s="39"/>
      <c r="K45" s="39"/>
      <c r="L45" s="39"/>
      <c r="M45" s="39"/>
      <c r="N45" s="39"/>
      <c r="O45" s="39"/>
    </row>
    <row r="46" spans="1:17" ht="15" customHeight="1">
      <c r="A46" s="41" t="s">
        <v>325</v>
      </c>
      <c r="B46" s="1" t="s">
        <v>171</v>
      </c>
      <c r="L46" s="39"/>
      <c r="M46" s="39"/>
      <c r="N46" s="39"/>
      <c r="O46" s="39"/>
    </row>
    <row r="47" spans="1:17" ht="23.1" customHeight="1">
      <c r="A47" s="42" t="s">
        <v>324</v>
      </c>
      <c r="B47" s="189" t="s">
        <v>190</v>
      </c>
      <c r="C47" s="336"/>
      <c r="D47" s="336"/>
      <c r="E47" s="336"/>
      <c r="F47" s="336"/>
      <c r="G47" s="336"/>
      <c r="H47" s="336"/>
      <c r="I47" s="336"/>
      <c r="J47" s="336"/>
      <c r="K47" s="336"/>
      <c r="L47" s="336"/>
      <c r="M47" s="336"/>
      <c r="N47" s="336"/>
      <c r="O47" s="336"/>
    </row>
    <row r="48" spans="1:17" ht="14.1" customHeight="1">
      <c r="A48" s="40" t="s">
        <v>323</v>
      </c>
      <c r="B48" s="337" t="s">
        <v>189</v>
      </c>
      <c r="C48" s="337"/>
      <c r="D48" s="337"/>
      <c r="E48" s="337"/>
      <c r="F48" s="337"/>
      <c r="G48" s="337"/>
      <c r="H48" s="337"/>
      <c r="I48" s="337"/>
      <c r="J48" s="337"/>
      <c r="K48" s="337"/>
      <c r="L48" s="337"/>
      <c r="M48" s="337"/>
      <c r="N48" s="337"/>
      <c r="O48" s="337"/>
    </row>
    <row r="49" spans="1:15" ht="23.1" customHeight="1">
      <c r="A49" s="42" t="s">
        <v>322</v>
      </c>
      <c r="B49" s="189" t="s">
        <v>191</v>
      </c>
      <c r="C49" s="337"/>
      <c r="D49" s="337"/>
      <c r="E49" s="337"/>
      <c r="F49" s="337"/>
      <c r="G49" s="337"/>
      <c r="H49" s="337"/>
      <c r="I49" s="337"/>
      <c r="J49" s="337"/>
      <c r="K49" s="337"/>
      <c r="L49" s="337"/>
      <c r="M49" s="337"/>
      <c r="N49" s="337"/>
      <c r="O49" s="337"/>
    </row>
    <row r="50" spans="1:15" ht="14.1" customHeight="1">
      <c r="A50" s="38" t="s">
        <v>321</v>
      </c>
      <c r="B50" s="337" t="s">
        <v>211</v>
      </c>
      <c r="C50" s="337"/>
      <c r="D50" s="337"/>
      <c r="E50" s="337"/>
      <c r="F50" s="337"/>
      <c r="G50" s="337"/>
      <c r="H50" s="337"/>
      <c r="I50" s="337"/>
      <c r="J50" s="337"/>
      <c r="K50" s="337"/>
      <c r="L50" s="337"/>
      <c r="M50" s="337"/>
      <c r="N50" s="337"/>
      <c r="O50" s="337"/>
    </row>
    <row r="51" spans="1:15" ht="14.1" customHeight="1"/>
    <row r="52" spans="1:15" ht="15" customHeight="1"/>
    <row r="53" spans="1:15" ht="15" customHeight="1"/>
    <row r="54" spans="1:15" ht="15" customHeight="1"/>
    <row r="55" spans="1:15" ht="15" customHeight="1"/>
    <row r="56" spans="1:15" ht="15" customHeight="1"/>
    <row r="57" spans="1:15" ht="15" customHeight="1"/>
    <row r="58" spans="1:15" ht="15" customHeight="1"/>
    <row r="59" spans="1:15" ht="15" customHeight="1"/>
    <row r="60" spans="1:15" ht="15" customHeight="1"/>
    <row r="61" spans="1:15" ht="15" customHeight="1"/>
  </sheetData>
  <mergeCells count="89">
    <mergeCell ref="A12:O14"/>
    <mergeCell ref="A1:B1"/>
    <mergeCell ref="D1:L1"/>
    <mergeCell ref="M1:O1"/>
    <mergeCell ref="A8:C10"/>
    <mergeCell ref="D8:O10"/>
    <mergeCell ref="D18:I18"/>
    <mergeCell ref="J18:L18"/>
    <mergeCell ref="N18:O18"/>
    <mergeCell ref="A16:B16"/>
    <mergeCell ref="D16:I16"/>
    <mergeCell ref="J16:L16"/>
    <mergeCell ref="N16:O16"/>
    <mergeCell ref="A17:B17"/>
    <mergeCell ref="D17:I17"/>
    <mergeCell ref="J17:L17"/>
    <mergeCell ref="N17:O17"/>
    <mergeCell ref="A18:B18"/>
    <mergeCell ref="A22:B22"/>
    <mergeCell ref="D22:I22"/>
    <mergeCell ref="J22:L22"/>
    <mergeCell ref="N22:O22"/>
    <mergeCell ref="A19:B19"/>
    <mergeCell ref="D19:I19"/>
    <mergeCell ref="J19:L19"/>
    <mergeCell ref="A20:B20"/>
    <mergeCell ref="D20:I20"/>
    <mergeCell ref="J20:L20"/>
    <mergeCell ref="N20:O20"/>
    <mergeCell ref="A21:B21"/>
    <mergeCell ref="D21:I21"/>
    <mergeCell ref="J21:L21"/>
    <mergeCell ref="N21:O21"/>
    <mergeCell ref="N19:O19"/>
    <mergeCell ref="A23:B23"/>
    <mergeCell ref="D23:I23"/>
    <mergeCell ref="J23:L23"/>
    <mergeCell ref="N23:O23"/>
    <mergeCell ref="A24:B24"/>
    <mergeCell ref="D24:I24"/>
    <mergeCell ref="J24:L24"/>
    <mergeCell ref="N24:O24"/>
    <mergeCell ref="A25:B25"/>
    <mergeCell ref="D25:I25"/>
    <mergeCell ref="J25:L25"/>
    <mergeCell ref="N25:O25"/>
    <mergeCell ref="A26:B26"/>
    <mergeCell ref="D26:I26"/>
    <mergeCell ref="J26:L26"/>
    <mergeCell ref="N26:O26"/>
    <mergeCell ref="A27:B27"/>
    <mergeCell ref="D27:I27"/>
    <mergeCell ref="J27:L27"/>
    <mergeCell ref="N27:O27"/>
    <mergeCell ref="A28:B28"/>
    <mergeCell ref="D28:I29"/>
    <mergeCell ref="J28:L28"/>
    <mergeCell ref="N28:O28"/>
    <mergeCell ref="A29:B29"/>
    <mergeCell ref="J29:L29"/>
    <mergeCell ref="N29:O29"/>
    <mergeCell ref="A34:B34"/>
    <mergeCell ref="D34:I34"/>
    <mergeCell ref="J34:L34"/>
    <mergeCell ref="N34:O34"/>
    <mergeCell ref="A33:B33"/>
    <mergeCell ref="D33:I33"/>
    <mergeCell ref="J33:L33"/>
    <mergeCell ref="N33:O33"/>
    <mergeCell ref="B41:C41"/>
    <mergeCell ref="D41:I41"/>
    <mergeCell ref="J41:M41"/>
    <mergeCell ref="N41:O41"/>
    <mergeCell ref="A37:B37"/>
    <mergeCell ref="D37:I37"/>
    <mergeCell ref="J37:L37"/>
    <mergeCell ref="N37:O37"/>
    <mergeCell ref="B47:O47"/>
    <mergeCell ref="B48:O48"/>
    <mergeCell ref="B49:O49"/>
    <mergeCell ref="B50:O50"/>
    <mergeCell ref="B42:C42"/>
    <mergeCell ref="D42:I42"/>
    <mergeCell ref="J42:M42"/>
    <mergeCell ref="N42:O42"/>
    <mergeCell ref="B43:C43"/>
    <mergeCell ref="D43:I43"/>
    <mergeCell ref="J43:M43"/>
    <mergeCell ref="N43:O43"/>
  </mergeCells>
  <phoneticPr fontId="2"/>
  <dataValidations count="1">
    <dataValidation type="list" allowBlank="1" showInputMessage="1" showErrorMessage="1" sqref="M17:M3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rowBreaks count="2" manualBreakCount="2">
    <brk id="21" max="14" man="1"/>
    <brk id="33" max="14" man="1"/>
  </rowBreaks>
  <drawing r:id="rId2"/>
  <legacyDrawing r:id="rId3"/>
  <oleObjects>
    <mc:AlternateContent xmlns:mc="http://schemas.openxmlformats.org/markup-compatibility/2006">
      <mc:Choice Requires="x14">
        <oleObject progId="Word.Document.12" shapeId="17409" r:id="rId4">
          <objectPr defaultSize="0" autoPict="0" r:id="rId5">
            <anchor moveWithCells="1">
              <from>
                <xdr:col>9</xdr:col>
                <xdr:colOff>180975</xdr:colOff>
                <xdr:row>18</xdr:row>
                <xdr:rowOff>1638300</xdr:rowOff>
              </from>
              <to>
                <xdr:col>9</xdr:col>
                <xdr:colOff>180975</xdr:colOff>
                <xdr:row>19</xdr:row>
                <xdr:rowOff>1171575</xdr:rowOff>
              </to>
            </anchor>
          </objectPr>
        </oleObject>
      </mc:Choice>
      <mc:Fallback>
        <oleObject progId="Word.Document.12" shapeId="17409" r:id="rId4"/>
      </mc:Fallback>
    </mc:AlternateContent>
    <mc:AlternateContent xmlns:mc="http://schemas.openxmlformats.org/markup-compatibility/2006">
      <mc:Choice Requires="x14">
        <oleObject progId="Word.Document.12" shapeId="17410" r:id="rId6">
          <objectPr defaultSize="0" autoPict="0" r:id="rId7">
            <anchor moveWithCells="1">
              <from>
                <xdr:col>9</xdr:col>
                <xdr:colOff>104775</xdr:colOff>
                <xdr:row>19</xdr:row>
                <xdr:rowOff>28575</xdr:rowOff>
              </from>
              <to>
                <xdr:col>9</xdr:col>
                <xdr:colOff>104775</xdr:colOff>
                <xdr:row>19</xdr:row>
                <xdr:rowOff>1257300</xdr:rowOff>
              </to>
            </anchor>
          </objectPr>
        </oleObject>
      </mc:Choice>
      <mc:Fallback>
        <oleObject progId="Word.Document.12" shapeId="17410" r:id="rId6"/>
      </mc:Fallback>
    </mc:AlternateContent>
  </oleObject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pageSetUpPr fitToPage="1"/>
  </sheetPr>
  <dimension ref="A1:T44"/>
  <sheetViews>
    <sheetView showGridLines="0" view="pageBreakPreview" zoomScale="120" zoomScaleNormal="11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251</v>
      </c>
      <c r="B8" s="177"/>
      <c r="C8" s="178"/>
      <c r="D8" s="310" t="s">
        <v>248</v>
      </c>
      <c r="E8" s="311"/>
      <c r="F8" s="311"/>
      <c r="G8" s="311"/>
      <c r="H8" s="311"/>
      <c r="I8" s="311"/>
      <c r="J8" s="311"/>
      <c r="K8" s="311"/>
      <c r="L8" s="311"/>
      <c r="M8" s="311"/>
      <c r="N8" s="311"/>
      <c r="O8" s="312"/>
    </row>
    <row r="9" spans="1:20" ht="15" customHeight="1">
      <c r="A9" s="179"/>
      <c r="B9" s="180"/>
      <c r="C9" s="181"/>
      <c r="D9" s="313"/>
      <c r="E9" s="314"/>
      <c r="F9" s="314"/>
      <c r="G9" s="314"/>
      <c r="H9" s="314"/>
      <c r="I9" s="314"/>
      <c r="J9" s="314"/>
      <c r="K9" s="314"/>
      <c r="L9" s="314"/>
      <c r="M9" s="314"/>
      <c r="N9" s="314"/>
      <c r="O9" s="315"/>
    </row>
    <row r="10" spans="1:20" ht="27" customHeight="1">
      <c r="A10" s="182"/>
      <c r="B10" s="183"/>
      <c r="C10" s="184"/>
      <c r="D10" s="316"/>
      <c r="E10" s="317"/>
      <c r="F10" s="317"/>
      <c r="G10" s="317"/>
      <c r="H10" s="317"/>
      <c r="I10" s="317"/>
      <c r="J10" s="317"/>
      <c r="K10" s="317"/>
      <c r="L10" s="317"/>
      <c r="M10" s="317"/>
      <c r="N10" s="317"/>
      <c r="O10" s="318"/>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162" customHeight="1">
      <c r="A17" s="341" t="s">
        <v>249</v>
      </c>
      <c r="B17" s="342"/>
      <c r="C17" s="18" t="s">
        <v>246</v>
      </c>
      <c r="D17" s="170" t="s">
        <v>374</v>
      </c>
      <c r="E17" s="170"/>
      <c r="F17" s="170"/>
      <c r="G17" s="170"/>
      <c r="H17" s="170"/>
      <c r="I17" s="170"/>
      <c r="J17" s="170" t="s">
        <v>184</v>
      </c>
      <c r="K17" s="170"/>
      <c r="L17" s="170"/>
      <c r="M17" s="91"/>
      <c r="N17" s="170"/>
      <c r="O17" s="171"/>
    </row>
    <row r="18" spans="1:15" ht="104.25" customHeight="1">
      <c r="A18" s="212"/>
      <c r="B18" s="331"/>
      <c r="C18" s="51" t="s">
        <v>250</v>
      </c>
      <c r="D18" s="172" t="s">
        <v>192</v>
      </c>
      <c r="E18" s="172"/>
      <c r="F18" s="172"/>
      <c r="G18" s="172"/>
      <c r="H18" s="172"/>
      <c r="I18" s="172"/>
      <c r="J18" s="172" t="s">
        <v>186</v>
      </c>
      <c r="K18" s="172"/>
      <c r="L18" s="172"/>
      <c r="M18" s="89"/>
      <c r="N18" s="172"/>
      <c r="O18" s="173"/>
    </row>
    <row r="19" spans="1:15" ht="77.25" customHeight="1">
      <c r="A19" s="212"/>
      <c r="B19" s="331"/>
      <c r="C19" s="19" t="s">
        <v>247</v>
      </c>
      <c r="D19" s="172" t="s">
        <v>187</v>
      </c>
      <c r="E19" s="172"/>
      <c r="F19" s="172"/>
      <c r="G19" s="172"/>
      <c r="H19" s="172"/>
      <c r="I19" s="172"/>
      <c r="J19" s="172" t="s">
        <v>188</v>
      </c>
      <c r="K19" s="172"/>
      <c r="L19" s="172"/>
      <c r="M19" s="28"/>
      <c r="N19" s="172"/>
      <c r="O19" s="173"/>
    </row>
    <row r="20" spans="1:15" ht="84" customHeight="1">
      <c r="A20" s="212"/>
      <c r="B20" s="213"/>
      <c r="C20" s="51" t="s">
        <v>422</v>
      </c>
      <c r="D20" s="211" t="s">
        <v>423</v>
      </c>
      <c r="E20" s="211"/>
      <c r="F20" s="211"/>
      <c r="G20" s="211"/>
      <c r="H20" s="211"/>
      <c r="I20" s="211"/>
      <c r="J20" s="211" t="s">
        <v>424</v>
      </c>
      <c r="K20" s="211"/>
      <c r="L20" s="211"/>
      <c r="M20" s="28"/>
      <c r="N20" s="172"/>
      <c r="O20" s="173"/>
    </row>
    <row r="21" spans="1:15" ht="50.1" customHeight="1">
      <c r="A21" s="212"/>
      <c r="B21" s="213"/>
      <c r="C21" s="19"/>
      <c r="D21" s="172"/>
      <c r="E21" s="172"/>
      <c r="F21" s="172"/>
      <c r="G21" s="172"/>
      <c r="H21" s="172"/>
      <c r="I21" s="172"/>
      <c r="J21" s="172"/>
      <c r="K21" s="172"/>
      <c r="L21" s="172"/>
      <c r="M21" s="28"/>
      <c r="N21" s="172"/>
      <c r="O21" s="173"/>
    </row>
    <row r="22" spans="1:15" ht="50.1" customHeight="1">
      <c r="A22" s="226"/>
      <c r="B22" s="227"/>
      <c r="C22" s="20"/>
      <c r="D22" s="228"/>
      <c r="E22" s="228"/>
      <c r="F22" s="228"/>
      <c r="G22" s="228"/>
      <c r="H22" s="228"/>
      <c r="I22" s="228"/>
      <c r="J22" s="228"/>
      <c r="K22" s="228"/>
      <c r="L22" s="228"/>
      <c r="M22" s="17"/>
      <c r="N22" s="228"/>
      <c r="O22" s="229"/>
    </row>
    <row r="23" spans="1:15" ht="15" customHeight="1">
      <c r="A23" s="23" t="s">
        <v>26</v>
      </c>
    </row>
    <row r="24" spans="1:15" ht="15" customHeight="1">
      <c r="A24" s="13" t="s">
        <v>28</v>
      </c>
    </row>
    <row r="25" spans="1:15" ht="15" customHeight="1">
      <c r="A25" s="12" t="s">
        <v>12</v>
      </c>
      <c r="B25" s="230" t="s">
        <v>6</v>
      </c>
      <c r="C25" s="231"/>
      <c r="D25" s="230" t="s">
        <v>29</v>
      </c>
      <c r="E25" s="232"/>
      <c r="F25" s="232"/>
      <c r="G25" s="232"/>
      <c r="H25" s="232"/>
      <c r="I25" s="231"/>
      <c r="J25" s="230" t="s">
        <v>33</v>
      </c>
      <c r="K25" s="232"/>
      <c r="L25" s="232"/>
      <c r="M25" s="231"/>
      <c r="N25" s="230" t="s">
        <v>14</v>
      </c>
      <c r="O25" s="233"/>
    </row>
    <row r="26" spans="1:15" ht="20.100000000000001" customHeight="1">
      <c r="A26" s="9">
        <v>1</v>
      </c>
      <c r="B26" s="234"/>
      <c r="C26" s="236"/>
      <c r="D26" s="234"/>
      <c r="E26" s="235"/>
      <c r="F26" s="235"/>
      <c r="G26" s="235"/>
      <c r="H26" s="235"/>
      <c r="I26" s="236"/>
      <c r="J26" s="234"/>
      <c r="K26" s="235"/>
      <c r="L26" s="235"/>
      <c r="M26" s="236"/>
      <c r="N26" s="234"/>
      <c r="O26" s="237"/>
    </row>
    <row r="27" spans="1:15" ht="20.100000000000001" customHeight="1">
      <c r="A27" s="14">
        <v>2</v>
      </c>
      <c r="B27" s="222"/>
      <c r="C27" s="223"/>
      <c r="D27" s="222"/>
      <c r="E27" s="224"/>
      <c r="F27" s="224"/>
      <c r="G27" s="224"/>
      <c r="H27" s="224"/>
      <c r="I27" s="223"/>
      <c r="J27" s="222"/>
      <c r="K27" s="224"/>
      <c r="L27" s="224"/>
      <c r="M27" s="223"/>
      <c r="N27" s="222"/>
      <c r="O27" s="225"/>
    </row>
    <row r="28" spans="1:15" ht="15" customHeight="1"/>
    <row r="29" spans="1:15" ht="15" customHeight="1"/>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sheetData>
  <mergeCells count="46">
    <mergeCell ref="B27:C27"/>
    <mergeCell ref="D27:I27"/>
    <mergeCell ref="J27:M27"/>
    <mergeCell ref="N27:O27"/>
    <mergeCell ref="B25:C25"/>
    <mergeCell ref="D25:I25"/>
    <mergeCell ref="J25:M25"/>
    <mergeCell ref="N25:O25"/>
    <mergeCell ref="B26:C26"/>
    <mergeCell ref="D26:I26"/>
    <mergeCell ref="J26:M26"/>
    <mergeCell ref="N26:O26"/>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2">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5" orientation="portrait" r:id="rId1"/>
  <headerFooter>
    <oddHeader>&amp;R&amp;"HG丸ｺﾞｼｯｸM-PRO,標準"&amp;8標準的チェックリスト（&amp;A）</oddHead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56"/>
  <sheetViews>
    <sheetView view="pageBreakPreview" zoomScale="120" zoomScaleNormal="100" zoomScaleSheetLayoutView="120" workbookViewId="0">
      <selection activeCell="J33" sqref="J33:L33"/>
    </sheetView>
  </sheetViews>
  <sheetFormatPr defaultColWidth="9" defaultRowHeight="11.25"/>
  <cols>
    <col min="1" max="8" width="5.625" style="55" customWidth="1"/>
    <col min="9" max="9" width="12.125" style="55" customWidth="1"/>
    <col min="10" max="14" width="5.625" style="55" customWidth="1"/>
    <col min="15" max="15" width="6.125" style="55" customWidth="1"/>
    <col min="16" max="20" width="5.625" style="55" customWidth="1"/>
    <col min="21" max="16384" width="9" style="55"/>
  </cols>
  <sheetData>
    <row r="1" spans="1:20" ht="20.100000000000001" customHeight="1">
      <c r="A1" s="299" t="s">
        <v>0</v>
      </c>
      <c r="B1" s="300"/>
      <c r="D1" s="210" t="s">
        <v>384</v>
      </c>
      <c r="E1" s="210"/>
      <c r="F1" s="210"/>
      <c r="G1" s="210"/>
      <c r="H1" s="210"/>
      <c r="I1" s="210"/>
      <c r="J1" s="210"/>
      <c r="K1" s="210"/>
      <c r="L1" s="210"/>
      <c r="M1" s="209" t="s">
        <v>555</v>
      </c>
      <c r="N1" s="209"/>
      <c r="O1" s="209"/>
    </row>
    <row r="2" spans="1:20" ht="15" customHeight="1">
      <c r="L2" s="56"/>
      <c r="M2" s="56"/>
      <c r="N2" s="56"/>
    </row>
    <row r="3" spans="1:20" ht="15" customHeight="1">
      <c r="J3" s="57" t="s">
        <v>1</v>
      </c>
      <c r="K3" s="58"/>
      <c r="L3" s="59"/>
      <c r="M3" s="59"/>
      <c r="N3" s="59"/>
      <c r="O3" s="60"/>
    </row>
    <row r="4" spans="1:20" ht="15" customHeight="1">
      <c r="J4" s="57" t="s">
        <v>13</v>
      </c>
      <c r="K4" s="58"/>
      <c r="L4" s="59"/>
      <c r="M4" s="59"/>
      <c r="N4" s="59"/>
      <c r="O4" s="60"/>
    </row>
    <row r="5" spans="1:20" ht="15" customHeight="1">
      <c r="J5" s="57" t="s">
        <v>2</v>
      </c>
      <c r="K5" s="58"/>
      <c r="L5" s="59"/>
      <c r="M5" s="61" t="s">
        <v>3</v>
      </c>
      <c r="N5" s="59"/>
      <c r="O5" s="60"/>
    </row>
    <row r="6" spans="1:20" ht="15" customHeight="1"/>
    <row r="7" spans="1:20" ht="15" customHeight="1">
      <c r="A7" s="62" t="s">
        <v>5</v>
      </c>
    </row>
    <row r="8" spans="1:20" ht="15" customHeight="1">
      <c r="A8" s="301" t="s">
        <v>137</v>
      </c>
      <c r="B8" s="302"/>
      <c r="C8" s="303"/>
      <c r="D8" s="343" t="s">
        <v>304</v>
      </c>
      <c r="E8" s="344"/>
      <c r="F8" s="344"/>
      <c r="G8" s="344"/>
      <c r="H8" s="344"/>
      <c r="I8" s="344"/>
      <c r="J8" s="344"/>
      <c r="K8" s="344"/>
      <c r="L8" s="344"/>
      <c r="M8" s="344"/>
      <c r="N8" s="344"/>
      <c r="O8" s="345"/>
    </row>
    <row r="9" spans="1:20" ht="15" customHeight="1">
      <c r="A9" s="304"/>
      <c r="B9" s="305"/>
      <c r="C9" s="306"/>
      <c r="D9" s="346"/>
      <c r="E9" s="347"/>
      <c r="F9" s="347"/>
      <c r="G9" s="347"/>
      <c r="H9" s="347"/>
      <c r="I9" s="347"/>
      <c r="J9" s="347"/>
      <c r="K9" s="347"/>
      <c r="L9" s="347"/>
      <c r="M9" s="347"/>
      <c r="N9" s="347"/>
      <c r="O9" s="348"/>
    </row>
    <row r="10" spans="1:20" ht="18" customHeight="1">
      <c r="A10" s="307"/>
      <c r="B10" s="308"/>
      <c r="C10" s="309"/>
      <c r="D10" s="349"/>
      <c r="E10" s="350"/>
      <c r="F10" s="350"/>
      <c r="G10" s="350"/>
      <c r="H10" s="350"/>
      <c r="I10" s="350"/>
      <c r="J10" s="350"/>
      <c r="K10" s="350"/>
      <c r="L10" s="350"/>
      <c r="M10" s="350"/>
      <c r="N10" s="350"/>
      <c r="O10" s="351"/>
    </row>
    <row r="11" spans="1:20" s="1" customFormat="1" ht="15" customHeight="1">
      <c r="A11" s="13" t="s">
        <v>368</v>
      </c>
    </row>
    <row r="12" spans="1:20" s="1" customFormat="1" ht="15" customHeight="1">
      <c r="A12" s="199"/>
      <c r="B12" s="200"/>
      <c r="C12" s="200"/>
      <c r="D12" s="200"/>
      <c r="E12" s="200"/>
      <c r="F12" s="200"/>
      <c r="G12" s="200"/>
      <c r="H12" s="200"/>
      <c r="I12" s="200"/>
      <c r="J12" s="200"/>
      <c r="K12" s="200"/>
      <c r="L12" s="200"/>
      <c r="M12" s="200"/>
      <c r="N12" s="200"/>
      <c r="O12" s="201"/>
    </row>
    <row r="13" spans="1:20" s="1" customFormat="1" ht="15" customHeight="1">
      <c r="A13" s="202"/>
      <c r="B13" s="352"/>
      <c r="C13" s="352"/>
      <c r="D13" s="352"/>
      <c r="E13" s="352"/>
      <c r="F13" s="352"/>
      <c r="G13" s="352"/>
      <c r="H13" s="352"/>
      <c r="I13" s="352"/>
      <c r="J13" s="352"/>
      <c r="K13" s="352"/>
      <c r="L13" s="352"/>
      <c r="M13" s="352"/>
      <c r="N13" s="352"/>
      <c r="O13" s="204"/>
    </row>
    <row r="14" spans="1:20" s="1" customFormat="1" ht="15" customHeight="1">
      <c r="A14" s="205"/>
      <c r="B14" s="206"/>
      <c r="C14" s="206"/>
      <c r="D14" s="206"/>
      <c r="E14" s="206"/>
      <c r="F14" s="206"/>
      <c r="G14" s="206"/>
      <c r="H14" s="206"/>
      <c r="I14" s="206"/>
      <c r="J14" s="206"/>
      <c r="K14" s="206"/>
      <c r="L14" s="206"/>
      <c r="M14" s="206"/>
      <c r="N14" s="206"/>
      <c r="O14" s="207"/>
    </row>
    <row r="15" spans="1:20" ht="15" customHeight="1">
      <c r="A15" s="62" t="s">
        <v>16</v>
      </c>
      <c r="E15" s="59"/>
      <c r="F15" s="124"/>
      <c r="G15" s="59"/>
      <c r="H15" s="59"/>
      <c r="I15" s="124"/>
      <c r="J15" s="63" t="s">
        <v>11</v>
      </c>
    </row>
    <row r="16" spans="1:20" ht="15" customHeight="1">
      <c r="A16" s="319" t="s">
        <v>6</v>
      </c>
      <c r="B16" s="320"/>
      <c r="C16" s="98" t="s">
        <v>7</v>
      </c>
      <c r="D16" s="321" t="s">
        <v>8</v>
      </c>
      <c r="E16" s="353"/>
      <c r="F16" s="353"/>
      <c r="G16" s="353"/>
      <c r="H16" s="353"/>
      <c r="I16" s="354"/>
      <c r="J16" s="321" t="s">
        <v>19</v>
      </c>
      <c r="K16" s="322"/>
      <c r="L16" s="320"/>
      <c r="M16" s="99" t="s">
        <v>9</v>
      </c>
      <c r="N16" s="321" t="s">
        <v>15</v>
      </c>
      <c r="O16" s="323"/>
      <c r="Q16" s="56"/>
      <c r="R16" s="56"/>
      <c r="S16" s="56"/>
      <c r="T16" s="56"/>
    </row>
    <row r="17" spans="1:20" ht="42.75" customHeight="1">
      <c r="A17" s="324" t="s">
        <v>288</v>
      </c>
      <c r="B17" s="325"/>
      <c r="C17" s="66" t="s">
        <v>242</v>
      </c>
      <c r="D17" s="269" t="s">
        <v>305</v>
      </c>
      <c r="E17" s="269"/>
      <c r="F17" s="269"/>
      <c r="G17" s="269"/>
      <c r="H17" s="269"/>
      <c r="I17" s="269"/>
      <c r="J17" s="269" t="s">
        <v>140</v>
      </c>
      <c r="K17" s="269"/>
      <c r="L17" s="269"/>
      <c r="M17" s="104"/>
      <c r="N17" s="269"/>
      <c r="O17" s="326"/>
    </row>
    <row r="18" spans="1:20" ht="79.5" customHeight="1">
      <c r="A18" s="284"/>
      <c r="B18" s="285"/>
      <c r="C18" s="51" t="s">
        <v>92</v>
      </c>
      <c r="D18" s="270" t="s">
        <v>306</v>
      </c>
      <c r="E18" s="270"/>
      <c r="F18" s="270"/>
      <c r="G18" s="270"/>
      <c r="H18" s="270"/>
      <c r="I18" s="270"/>
      <c r="J18" s="172" t="s">
        <v>566</v>
      </c>
      <c r="K18" s="244"/>
      <c r="L18" s="244"/>
      <c r="M18" s="103"/>
      <c r="N18" s="270"/>
      <c r="O18" s="286"/>
    </row>
    <row r="19" spans="1:20" ht="41.25" customHeight="1">
      <c r="A19" s="284"/>
      <c r="B19" s="285"/>
      <c r="C19" s="67" t="s">
        <v>54</v>
      </c>
      <c r="D19" s="270" t="s">
        <v>307</v>
      </c>
      <c r="E19" s="211"/>
      <c r="F19" s="211"/>
      <c r="G19" s="211"/>
      <c r="H19" s="211"/>
      <c r="I19" s="211"/>
      <c r="J19" s="211" t="s">
        <v>388</v>
      </c>
      <c r="K19" s="211"/>
      <c r="L19" s="211"/>
      <c r="M19" s="103"/>
      <c r="N19" s="270"/>
      <c r="O19" s="286"/>
    </row>
    <row r="20" spans="1:20" ht="83.25" customHeight="1">
      <c r="A20" s="284"/>
      <c r="B20" s="285"/>
      <c r="C20" s="67" t="s">
        <v>115</v>
      </c>
      <c r="D20" s="270" t="s">
        <v>308</v>
      </c>
      <c r="E20" s="211"/>
      <c r="F20" s="211"/>
      <c r="G20" s="211"/>
      <c r="H20" s="211"/>
      <c r="I20" s="211"/>
      <c r="J20" s="244" t="s">
        <v>567</v>
      </c>
      <c r="K20" s="244"/>
      <c r="L20" s="244"/>
      <c r="M20" s="103"/>
      <c r="N20" s="270"/>
      <c r="O20" s="286"/>
    </row>
    <row r="21" spans="1:20" ht="115.5" customHeight="1">
      <c r="A21" s="284"/>
      <c r="B21" s="285"/>
      <c r="C21" s="51" t="s">
        <v>389</v>
      </c>
      <c r="D21" s="270" t="s">
        <v>309</v>
      </c>
      <c r="E21" s="270"/>
      <c r="F21" s="270"/>
      <c r="G21" s="270"/>
      <c r="H21" s="270"/>
      <c r="I21" s="270"/>
      <c r="J21" s="270" t="s">
        <v>289</v>
      </c>
      <c r="K21" s="211"/>
      <c r="L21" s="211"/>
      <c r="M21" s="103"/>
      <c r="N21" s="270"/>
      <c r="O21" s="286"/>
    </row>
    <row r="22" spans="1:20" ht="112.5" customHeight="1">
      <c r="A22" s="284"/>
      <c r="B22" s="285"/>
      <c r="C22" s="51" t="s">
        <v>290</v>
      </c>
      <c r="D22" s="211" t="s">
        <v>291</v>
      </c>
      <c r="E22" s="211"/>
      <c r="F22" s="211"/>
      <c r="G22" s="211"/>
      <c r="H22" s="211"/>
      <c r="I22" s="211"/>
      <c r="J22" s="211" t="s">
        <v>292</v>
      </c>
      <c r="K22" s="211"/>
      <c r="L22" s="211"/>
      <c r="M22" s="103"/>
      <c r="N22" s="270"/>
      <c r="O22" s="286"/>
    </row>
    <row r="23" spans="1:20" ht="60.75" customHeight="1">
      <c r="A23" s="284"/>
      <c r="B23" s="285"/>
      <c r="C23" s="51" t="s">
        <v>390</v>
      </c>
      <c r="D23" s="211" t="s">
        <v>293</v>
      </c>
      <c r="E23" s="211"/>
      <c r="F23" s="211"/>
      <c r="G23" s="211"/>
      <c r="H23" s="211"/>
      <c r="I23" s="211"/>
      <c r="J23" s="211" t="s">
        <v>294</v>
      </c>
      <c r="K23" s="211"/>
      <c r="L23" s="211"/>
      <c r="M23" s="103"/>
      <c r="N23" s="270"/>
      <c r="O23" s="286"/>
    </row>
    <row r="24" spans="1:20" ht="60" customHeight="1">
      <c r="A24" s="284"/>
      <c r="B24" s="285"/>
      <c r="C24" s="67" t="s">
        <v>391</v>
      </c>
      <c r="D24" s="270" t="s">
        <v>295</v>
      </c>
      <c r="E24" s="211"/>
      <c r="F24" s="211"/>
      <c r="G24" s="211"/>
      <c r="H24" s="211"/>
      <c r="I24" s="211"/>
      <c r="J24" s="270" t="s">
        <v>296</v>
      </c>
      <c r="K24" s="211"/>
      <c r="L24" s="211"/>
      <c r="M24" s="103"/>
      <c r="N24" s="270"/>
      <c r="O24" s="286"/>
    </row>
    <row r="25" spans="1:20" ht="113.25" customHeight="1">
      <c r="A25" s="355"/>
      <c r="B25" s="356"/>
      <c r="C25" s="85" t="s">
        <v>392</v>
      </c>
      <c r="D25" s="357" t="s">
        <v>297</v>
      </c>
      <c r="E25" s="260"/>
      <c r="F25" s="260"/>
      <c r="G25" s="260"/>
      <c r="H25" s="260"/>
      <c r="I25" s="260"/>
      <c r="J25" s="357" t="s">
        <v>298</v>
      </c>
      <c r="K25" s="260"/>
      <c r="L25" s="260"/>
      <c r="M25" s="105"/>
      <c r="N25" s="357"/>
      <c r="O25" s="358"/>
    </row>
    <row r="26" spans="1:20" ht="40.35" customHeight="1">
      <c r="A26" s="100"/>
      <c r="B26" s="100"/>
      <c r="C26" s="100"/>
      <c r="D26" s="101"/>
      <c r="E26" s="101"/>
      <c r="F26" s="101"/>
      <c r="G26" s="101"/>
      <c r="H26" s="101"/>
      <c r="I26" s="101"/>
      <c r="J26" s="101"/>
      <c r="K26" s="101"/>
      <c r="L26" s="101"/>
      <c r="M26" s="102"/>
      <c r="N26" s="101"/>
      <c r="O26" s="101"/>
    </row>
    <row r="27" spans="1:20" ht="15" customHeight="1">
      <c r="A27" s="359" t="s">
        <v>6</v>
      </c>
      <c r="B27" s="281"/>
      <c r="C27" s="64" t="s">
        <v>7</v>
      </c>
      <c r="D27" s="280" t="s">
        <v>8</v>
      </c>
      <c r="E27" s="282"/>
      <c r="F27" s="282"/>
      <c r="G27" s="282"/>
      <c r="H27" s="282"/>
      <c r="I27" s="281"/>
      <c r="J27" s="280" t="s">
        <v>19</v>
      </c>
      <c r="K27" s="282"/>
      <c r="L27" s="281"/>
      <c r="M27" s="65" t="s">
        <v>9</v>
      </c>
      <c r="N27" s="280" t="s">
        <v>15</v>
      </c>
      <c r="O27" s="283"/>
      <c r="Q27" s="56"/>
      <c r="R27" s="56"/>
      <c r="S27" s="56"/>
      <c r="T27" s="56"/>
    </row>
    <row r="28" spans="1:20" ht="64.5" customHeight="1">
      <c r="A28" s="362" t="s">
        <v>288</v>
      </c>
      <c r="B28" s="363"/>
      <c r="C28" s="368" t="s">
        <v>299</v>
      </c>
      <c r="D28" s="371" t="s">
        <v>300</v>
      </c>
      <c r="E28" s="372"/>
      <c r="F28" s="372"/>
      <c r="G28" s="372"/>
      <c r="H28" s="372"/>
      <c r="I28" s="373"/>
      <c r="J28" s="380" t="s">
        <v>301</v>
      </c>
      <c r="K28" s="381"/>
      <c r="L28" s="382"/>
      <c r="M28" s="125"/>
      <c r="N28" s="383"/>
      <c r="O28" s="384"/>
    </row>
    <row r="29" spans="1:20" ht="84.75" customHeight="1">
      <c r="A29" s="364"/>
      <c r="B29" s="365"/>
      <c r="C29" s="369"/>
      <c r="D29" s="374"/>
      <c r="E29" s="375"/>
      <c r="F29" s="375"/>
      <c r="G29" s="375"/>
      <c r="H29" s="375"/>
      <c r="I29" s="376"/>
      <c r="J29" s="449" t="s">
        <v>568</v>
      </c>
      <c r="K29" s="144"/>
      <c r="L29" s="450"/>
      <c r="M29" s="68"/>
      <c r="N29" s="388"/>
      <c r="O29" s="389"/>
    </row>
    <row r="30" spans="1:20" ht="48.6" customHeight="1">
      <c r="A30" s="364"/>
      <c r="B30" s="365"/>
      <c r="C30" s="369"/>
      <c r="D30" s="374"/>
      <c r="E30" s="375"/>
      <c r="F30" s="375"/>
      <c r="G30" s="375"/>
      <c r="H30" s="375"/>
      <c r="I30" s="376"/>
      <c r="J30" s="449" t="s">
        <v>554</v>
      </c>
      <c r="K30" s="144"/>
      <c r="L30" s="450"/>
      <c r="M30" s="123"/>
      <c r="N30" s="360"/>
      <c r="O30" s="361"/>
    </row>
    <row r="31" spans="1:20" ht="50.1" customHeight="1">
      <c r="A31" s="364"/>
      <c r="B31" s="365"/>
      <c r="C31" s="369"/>
      <c r="D31" s="374"/>
      <c r="E31" s="375"/>
      <c r="F31" s="375"/>
      <c r="G31" s="375"/>
      <c r="H31" s="375"/>
      <c r="I31" s="376"/>
      <c r="J31" s="390" t="s">
        <v>302</v>
      </c>
      <c r="K31" s="391"/>
      <c r="L31" s="392"/>
      <c r="M31" s="69"/>
      <c r="N31" s="393"/>
      <c r="O31" s="394"/>
    </row>
    <row r="32" spans="1:20" ht="54.75" customHeight="1">
      <c r="A32" s="364"/>
      <c r="B32" s="365"/>
      <c r="C32" s="369"/>
      <c r="D32" s="374"/>
      <c r="E32" s="375"/>
      <c r="F32" s="375"/>
      <c r="G32" s="375"/>
      <c r="H32" s="375"/>
      <c r="I32" s="376"/>
      <c r="J32" s="385" t="s">
        <v>303</v>
      </c>
      <c r="K32" s="386"/>
      <c r="L32" s="387"/>
      <c r="M32" s="70"/>
      <c r="N32" s="388"/>
      <c r="O32" s="389"/>
    </row>
    <row r="33" spans="1:15" ht="78.75" customHeight="1">
      <c r="A33" s="366"/>
      <c r="B33" s="367"/>
      <c r="C33" s="370"/>
      <c r="D33" s="377"/>
      <c r="E33" s="378"/>
      <c r="F33" s="378"/>
      <c r="G33" s="378"/>
      <c r="H33" s="378"/>
      <c r="I33" s="379"/>
      <c r="J33" s="472" t="s">
        <v>569</v>
      </c>
      <c r="K33" s="473"/>
      <c r="L33" s="474"/>
      <c r="M33" s="105"/>
      <c r="N33" s="395"/>
      <c r="O33" s="289"/>
    </row>
    <row r="34" spans="1:15" ht="15" customHeight="1">
      <c r="A34" s="71" t="s">
        <v>26</v>
      </c>
    </row>
    <row r="35" spans="1:15" ht="15" customHeight="1">
      <c r="A35" s="72"/>
    </row>
    <row r="36" spans="1:15" ht="15" customHeight="1">
      <c r="A36" s="62" t="s">
        <v>28</v>
      </c>
    </row>
    <row r="37" spans="1:15" ht="15" customHeight="1">
      <c r="A37" s="73" t="s">
        <v>12</v>
      </c>
      <c r="B37" s="280" t="s">
        <v>6</v>
      </c>
      <c r="C37" s="281"/>
      <c r="D37" s="280" t="s">
        <v>29</v>
      </c>
      <c r="E37" s="282"/>
      <c r="F37" s="282"/>
      <c r="G37" s="282"/>
      <c r="H37" s="282"/>
      <c r="I37" s="281"/>
      <c r="J37" s="280" t="s">
        <v>33</v>
      </c>
      <c r="K37" s="282"/>
      <c r="L37" s="282"/>
      <c r="M37" s="281"/>
      <c r="N37" s="280" t="s">
        <v>14</v>
      </c>
      <c r="O37" s="283"/>
    </row>
    <row r="38" spans="1:15" ht="20.100000000000001" customHeight="1">
      <c r="A38" s="74">
        <v>1</v>
      </c>
      <c r="B38" s="272"/>
      <c r="C38" s="273"/>
      <c r="D38" s="272"/>
      <c r="E38" s="274"/>
      <c r="F38" s="274"/>
      <c r="G38" s="274"/>
      <c r="H38" s="274"/>
      <c r="I38" s="273"/>
      <c r="J38" s="272"/>
      <c r="K38" s="274"/>
      <c r="L38" s="274"/>
      <c r="M38" s="273"/>
      <c r="N38" s="272"/>
      <c r="O38" s="275"/>
    </row>
    <row r="39" spans="1:15" ht="20.100000000000001" customHeight="1">
      <c r="A39" s="75">
        <v>2</v>
      </c>
      <c r="B39" s="276"/>
      <c r="C39" s="277"/>
      <c r="D39" s="276"/>
      <c r="E39" s="278"/>
      <c r="F39" s="278"/>
      <c r="G39" s="278"/>
      <c r="H39" s="278"/>
      <c r="I39" s="277"/>
      <c r="J39" s="276"/>
      <c r="K39" s="278"/>
      <c r="L39" s="278"/>
      <c r="M39" s="277"/>
      <c r="N39" s="276"/>
      <c r="O39" s="279"/>
    </row>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row r="51" ht="15" customHeight="1"/>
    <row r="52" ht="15" customHeight="1"/>
    <row r="53" ht="15" customHeight="1"/>
    <row r="54" ht="15" customHeight="1"/>
    <row r="55" ht="15" customHeight="1"/>
    <row r="56" ht="15" customHeight="1"/>
  </sheetData>
  <mergeCells count="77">
    <mergeCell ref="B39:C39"/>
    <mergeCell ref="D39:I39"/>
    <mergeCell ref="J39:M39"/>
    <mergeCell ref="N39:O39"/>
    <mergeCell ref="B38:C38"/>
    <mergeCell ref="D38:I38"/>
    <mergeCell ref="J38:M38"/>
    <mergeCell ref="N38:O38"/>
    <mergeCell ref="B37:C37"/>
    <mergeCell ref="D37:I37"/>
    <mergeCell ref="J37:M37"/>
    <mergeCell ref="N37:O37"/>
    <mergeCell ref="A28:B33"/>
    <mergeCell ref="C28:C33"/>
    <mergeCell ref="D28:I33"/>
    <mergeCell ref="J28:L28"/>
    <mergeCell ref="N28:O28"/>
    <mergeCell ref="J29:L29"/>
    <mergeCell ref="N29:O29"/>
    <mergeCell ref="J31:L31"/>
    <mergeCell ref="N31:O31"/>
    <mergeCell ref="J32:L32"/>
    <mergeCell ref="N32:O32"/>
    <mergeCell ref="N33:O33"/>
    <mergeCell ref="J33:L33"/>
    <mergeCell ref="A27:B27"/>
    <mergeCell ref="D27:I27"/>
    <mergeCell ref="J27:L27"/>
    <mergeCell ref="N27:O27"/>
    <mergeCell ref="J30:L30"/>
    <mergeCell ref="N30:O30"/>
    <mergeCell ref="A22:B22"/>
    <mergeCell ref="D22:I22"/>
    <mergeCell ref="J22:L22"/>
    <mergeCell ref="N22:O22"/>
    <mergeCell ref="A25:B25"/>
    <mergeCell ref="D25:I25"/>
    <mergeCell ref="J25:L25"/>
    <mergeCell ref="N25:O25"/>
    <mergeCell ref="A23:B23"/>
    <mergeCell ref="D23:I23"/>
    <mergeCell ref="J23:L23"/>
    <mergeCell ref="N23:O23"/>
    <mergeCell ref="A24:B24"/>
    <mergeCell ref="D24:I24"/>
    <mergeCell ref="J24:L24"/>
    <mergeCell ref="N24:O24"/>
    <mergeCell ref="N20:O20"/>
    <mergeCell ref="A21:B21"/>
    <mergeCell ref="D21:I21"/>
    <mergeCell ref="J21:L21"/>
    <mergeCell ref="N21:O21"/>
    <mergeCell ref="A20:B20"/>
    <mergeCell ref="D20:I20"/>
    <mergeCell ref="J20:L20"/>
    <mergeCell ref="A12:O14"/>
    <mergeCell ref="A17:B17"/>
    <mergeCell ref="D17:I17"/>
    <mergeCell ref="J17:L17"/>
    <mergeCell ref="N17:O17"/>
    <mergeCell ref="A16:B16"/>
    <mergeCell ref="D16:I16"/>
    <mergeCell ref="J16:L16"/>
    <mergeCell ref="N16:O16"/>
    <mergeCell ref="A1:B1"/>
    <mergeCell ref="D1:L1"/>
    <mergeCell ref="M1:O1"/>
    <mergeCell ref="A8:C10"/>
    <mergeCell ref="D8:O10"/>
    <mergeCell ref="A18:B18"/>
    <mergeCell ref="D18:I18"/>
    <mergeCell ref="J18:L18"/>
    <mergeCell ref="N18:O18"/>
    <mergeCell ref="A19:B19"/>
    <mergeCell ref="D19:I19"/>
    <mergeCell ref="J19:L19"/>
    <mergeCell ref="N19:O19"/>
  </mergeCells>
  <phoneticPr fontId="2"/>
  <dataValidations count="1">
    <dataValidation type="list" allowBlank="1" showInputMessage="1" showErrorMessage="1" sqref="M17:M26 M28:M3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4" orientation="portrait" r:id="rId1"/>
  <headerFooter>
    <oddHeader>&amp;R&amp;"HG丸ｺﾞｼｯｸM-PRO,標準"&amp;8標準的チェックリスト（&amp;A）</oddHeader>
  </headerFooter>
  <rowBreaks count="1" manualBreakCount="1">
    <brk id="24" max="14" man="1"/>
  </rowBreaks>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7"/>
  <sheetViews>
    <sheetView showGridLines="0" view="pageBreakPreview" zoomScaleNormal="120" zoomScaleSheetLayoutView="100" workbookViewId="0">
      <selection activeCell="D20" sqref="D20:I20"/>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5</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139</v>
      </c>
      <c r="B8" s="177"/>
      <c r="C8" s="178"/>
      <c r="D8" s="398" t="s">
        <v>519</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32.2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158</v>
      </c>
      <c r="B17" s="215"/>
      <c r="C17" s="18" t="s">
        <v>355</v>
      </c>
      <c r="D17" s="170" t="s">
        <v>286</v>
      </c>
      <c r="E17" s="170"/>
      <c r="F17" s="170"/>
      <c r="G17" s="170"/>
      <c r="H17" s="170"/>
      <c r="I17" s="170"/>
      <c r="J17" s="170" t="s">
        <v>36</v>
      </c>
      <c r="K17" s="170"/>
      <c r="L17" s="170"/>
      <c r="M17" s="91"/>
      <c r="N17" s="170"/>
      <c r="O17" s="171"/>
    </row>
    <row r="18" spans="1:15" ht="50.1" customHeight="1">
      <c r="A18" s="212"/>
      <c r="B18" s="213"/>
      <c r="C18" s="19" t="s">
        <v>54</v>
      </c>
      <c r="D18" s="172" t="s">
        <v>159</v>
      </c>
      <c r="E18" s="172"/>
      <c r="F18" s="172"/>
      <c r="G18" s="172"/>
      <c r="H18" s="172"/>
      <c r="I18" s="172"/>
      <c r="J18" s="172" t="s">
        <v>39</v>
      </c>
      <c r="K18" s="172"/>
      <c r="L18" s="172"/>
      <c r="M18" s="89"/>
      <c r="N18" s="172"/>
      <c r="O18" s="173"/>
    </row>
    <row r="19" spans="1:15" ht="50.1" customHeight="1">
      <c r="A19" s="212"/>
      <c r="B19" s="213"/>
      <c r="C19" s="19" t="s">
        <v>356</v>
      </c>
      <c r="D19" s="172" t="s">
        <v>160</v>
      </c>
      <c r="E19" s="172"/>
      <c r="F19" s="172"/>
      <c r="G19" s="172"/>
      <c r="H19" s="172"/>
      <c r="I19" s="172"/>
      <c r="J19" s="172" t="s">
        <v>39</v>
      </c>
      <c r="K19" s="172"/>
      <c r="L19" s="172"/>
      <c r="M19" s="28"/>
      <c r="N19" s="172"/>
      <c r="O19" s="173"/>
    </row>
    <row r="20" spans="1:15" ht="50.1" customHeight="1">
      <c r="A20" s="212"/>
      <c r="B20" s="213"/>
      <c r="C20" s="19" t="s">
        <v>161</v>
      </c>
      <c r="D20" s="172" t="s">
        <v>570</v>
      </c>
      <c r="E20" s="244"/>
      <c r="F20" s="244"/>
      <c r="G20" s="244"/>
      <c r="H20" s="244"/>
      <c r="I20" s="244"/>
      <c r="J20" s="172" t="s">
        <v>260</v>
      </c>
      <c r="K20" s="172"/>
      <c r="L20" s="172"/>
      <c r="M20" s="28"/>
      <c r="N20" s="172"/>
      <c r="O20" s="173"/>
    </row>
    <row r="21" spans="1:15" ht="50.1" customHeight="1">
      <c r="A21" s="212"/>
      <c r="B21" s="213"/>
      <c r="C21" s="19" t="s">
        <v>357</v>
      </c>
      <c r="D21" s="172" t="s">
        <v>162</v>
      </c>
      <c r="E21" s="172"/>
      <c r="F21" s="172"/>
      <c r="G21" s="172"/>
      <c r="H21" s="172"/>
      <c r="I21" s="172"/>
      <c r="J21" s="172" t="s">
        <v>163</v>
      </c>
      <c r="K21" s="172"/>
      <c r="L21" s="172"/>
      <c r="M21" s="28"/>
      <c r="N21" s="172"/>
      <c r="O21" s="173"/>
    </row>
    <row r="22" spans="1:15" ht="50.1" customHeight="1">
      <c r="A22" s="212"/>
      <c r="B22" s="213"/>
      <c r="C22" s="19" t="s">
        <v>358</v>
      </c>
      <c r="D22" s="172" t="s">
        <v>175</v>
      </c>
      <c r="E22" s="172"/>
      <c r="F22" s="172"/>
      <c r="G22" s="172"/>
      <c r="H22" s="172"/>
      <c r="I22" s="172"/>
      <c r="J22" s="172" t="s">
        <v>259</v>
      </c>
      <c r="K22" s="172"/>
      <c r="L22" s="172"/>
      <c r="M22" s="28"/>
      <c r="N22" s="172"/>
      <c r="O22" s="173"/>
    </row>
    <row r="23" spans="1:15" ht="72" customHeight="1">
      <c r="A23" s="212"/>
      <c r="B23" s="213"/>
      <c r="C23" s="19" t="s">
        <v>164</v>
      </c>
      <c r="D23" s="270" t="s">
        <v>542</v>
      </c>
      <c r="E23" s="211"/>
      <c r="F23" s="211"/>
      <c r="G23" s="211"/>
      <c r="H23" s="211"/>
      <c r="I23" s="211"/>
      <c r="J23" s="172" t="s">
        <v>258</v>
      </c>
      <c r="K23" s="172"/>
      <c r="L23" s="172"/>
      <c r="M23" s="28"/>
      <c r="N23" s="172"/>
      <c r="O23" s="173"/>
    </row>
    <row r="24" spans="1:15" ht="49.5" customHeight="1">
      <c r="A24" s="226" t="s">
        <v>165</v>
      </c>
      <c r="B24" s="227"/>
      <c r="C24" s="115" t="s">
        <v>140</v>
      </c>
      <c r="D24" s="396" t="s">
        <v>176</v>
      </c>
      <c r="E24" s="396"/>
      <c r="F24" s="396"/>
      <c r="G24" s="396"/>
      <c r="H24" s="396"/>
      <c r="I24" s="396"/>
      <c r="J24" s="396" t="s">
        <v>166</v>
      </c>
      <c r="K24" s="396"/>
      <c r="L24" s="396"/>
      <c r="M24" s="117"/>
      <c r="N24" s="396" t="s">
        <v>167</v>
      </c>
      <c r="O24" s="397"/>
    </row>
    <row r="25" spans="1:15" ht="15" customHeight="1">
      <c r="A25" s="23" t="s">
        <v>26</v>
      </c>
      <c r="C25" s="116"/>
      <c r="D25" s="116"/>
      <c r="E25" s="116"/>
      <c r="F25" s="116"/>
      <c r="G25" s="116"/>
      <c r="H25" s="116"/>
      <c r="I25" s="116"/>
      <c r="J25" s="116"/>
      <c r="K25" s="116"/>
      <c r="L25" s="116"/>
      <c r="M25" s="116"/>
      <c r="N25" s="116"/>
      <c r="O25" s="116"/>
    </row>
    <row r="26" spans="1:15" ht="15" customHeight="1">
      <c r="A26" s="6"/>
    </row>
    <row r="27" spans="1:15" ht="15" customHeight="1">
      <c r="A27" s="13" t="s">
        <v>28</v>
      </c>
    </row>
    <row r="28" spans="1:15" ht="15" customHeight="1">
      <c r="A28" s="12" t="s">
        <v>12</v>
      </c>
      <c r="B28" s="230" t="s">
        <v>6</v>
      </c>
      <c r="C28" s="231"/>
      <c r="D28" s="230" t="s">
        <v>29</v>
      </c>
      <c r="E28" s="232"/>
      <c r="F28" s="232"/>
      <c r="G28" s="232"/>
      <c r="H28" s="232"/>
      <c r="I28" s="231"/>
      <c r="J28" s="230" t="s">
        <v>33</v>
      </c>
      <c r="K28" s="232"/>
      <c r="L28" s="232"/>
      <c r="M28" s="231"/>
      <c r="N28" s="230" t="s">
        <v>14</v>
      </c>
      <c r="O28" s="233"/>
    </row>
    <row r="29" spans="1:15" ht="20.100000000000001" customHeight="1">
      <c r="A29" s="9">
        <v>1</v>
      </c>
      <c r="B29" s="234"/>
      <c r="C29" s="236"/>
      <c r="D29" s="234"/>
      <c r="E29" s="235"/>
      <c r="F29" s="235"/>
      <c r="G29" s="235"/>
      <c r="H29" s="235"/>
      <c r="I29" s="236"/>
      <c r="J29" s="234"/>
      <c r="K29" s="235"/>
      <c r="L29" s="235"/>
      <c r="M29" s="236"/>
      <c r="N29" s="234"/>
      <c r="O29" s="237"/>
    </row>
    <row r="30" spans="1:15" ht="20.100000000000001" customHeight="1">
      <c r="A30" s="14">
        <v>2</v>
      </c>
      <c r="B30" s="222"/>
      <c r="C30" s="223"/>
      <c r="D30" s="222"/>
      <c r="E30" s="224"/>
      <c r="F30" s="224"/>
      <c r="G30" s="224"/>
      <c r="H30" s="224"/>
      <c r="I30" s="223"/>
      <c r="J30" s="222"/>
      <c r="K30" s="224"/>
      <c r="L30" s="224"/>
      <c r="M30" s="223"/>
      <c r="N30" s="222"/>
      <c r="O30" s="225"/>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4">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6"/>
  <sheetViews>
    <sheetView showGridLines="0" view="pageBreakPreview" zoomScale="11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24.6" customHeight="1">
      <c r="A8" s="176" t="s">
        <v>142</v>
      </c>
      <c r="B8" s="177"/>
      <c r="C8" s="178"/>
      <c r="D8" s="400" t="s">
        <v>369</v>
      </c>
      <c r="E8" s="401"/>
      <c r="F8" s="401"/>
      <c r="G8" s="401"/>
      <c r="H8" s="401"/>
      <c r="I8" s="401"/>
      <c r="J8" s="401"/>
      <c r="K8" s="401"/>
      <c r="L8" s="401"/>
      <c r="M8" s="401"/>
      <c r="N8" s="401"/>
      <c r="O8" s="402"/>
    </row>
    <row r="9" spans="1:20" ht="24.6" customHeight="1">
      <c r="A9" s="179"/>
      <c r="B9" s="180"/>
      <c r="C9" s="181"/>
      <c r="D9" s="403"/>
      <c r="E9" s="404"/>
      <c r="F9" s="404"/>
      <c r="G9" s="404"/>
      <c r="H9" s="404"/>
      <c r="I9" s="404"/>
      <c r="J9" s="404"/>
      <c r="K9" s="404"/>
      <c r="L9" s="404"/>
      <c r="M9" s="404"/>
      <c r="N9" s="404"/>
      <c r="O9" s="405"/>
    </row>
    <row r="10" spans="1:20" ht="24.6" customHeight="1">
      <c r="A10" s="182"/>
      <c r="B10" s="183"/>
      <c r="C10" s="184"/>
      <c r="D10" s="406"/>
      <c r="E10" s="407"/>
      <c r="F10" s="407"/>
      <c r="G10" s="407"/>
      <c r="H10" s="407"/>
      <c r="I10" s="407"/>
      <c r="J10" s="407"/>
      <c r="K10" s="407"/>
      <c r="L10" s="407"/>
      <c r="M10" s="407"/>
      <c r="N10" s="407"/>
      <c r="O10" s="408"/>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399" t="s">
        <v>6</v>
      </c>
      <c r="B16" s="231"/>
      <c r="C16" s="10" t="s">
        <v>7</v>
      </c>
      <c r="D16" s="230" t="s">
        <v>8</v>
      </c>
      <c r="E16" s="232"/>
      <c r="F16" s="232"/>
      <c r="G16" s="232"/>
      <c r="H16" s="232"/>
      <c r="I16" s="231"/>
      <c r="J16" s="230" t="s">
        <v>19</v>
      </c>
      <c r="K16" s="232"/>
      <c r="L16" s="231"/>
      <c r="M16" s="11" t="s">
        <v>9</v>
      </c>
      <c r="N16" s="230" t="s">
        <v>15</v>
      </c>
      <c r="O16" s="233"/>
      <c r="Q16" s="7"/>
      <c r="R16" s="7"/>
      <c r="S16" s="7"/>
      <c r="T16" s="7"/>
    </row>
    <row r="17" spans="1:15" ht="45" customHeight="1">
      <c r="A17" s="429" t="s">
        <v>143</v>
      </c>
      <c r="B17" s="430"/>
      <c r="C17" s="29" t="s">
        <v>195</v>
      </c>
      <c r="D17" s="415" t="s">
        <v>145</v>
      </c>
      <c r="E17" s="416"/>
      <c r="F17" s="416"/>
      <c r="G17" s="416"/>
      <c r="H17" s="416"/>
      <c r="I17" s="417"/>
      <c r="J17" s="415" t="s">
        <v>152</v>
      </c>
      <c r="K17" s="416"/>
      <c r="L17" s="417"/>
      <c r="M17" s="25"/>
      <c r="N17" s="433"/>
      <c r="O17" s="434"/>
    </row>
    <row r="18" spans="1:15" ht="45" customHeight="1">
      <c r="A18" s="431"/>
      <c r="B18" s="432"/>
      <c r="C18" s="36"/>
      <c r="D18" s="415" t="s">
        <v>146</v>
      </c>
      <c r="E18" s="416"/>
      <c r="F18" s="416"/>
      <c r="G18" s="416"/>
      <c r="H18" s="416"/>
      <c r="I18" s="417"/>
      <c r="J18" s="415" t="s">
        <v>147</v>
      </c>
      <c r="K18" s="416"/>
      <c r="L18" s="417"/>
      <c r="M18" s="24"/>
      <c r="N18" s="415"/>
      <c r="O18" s="418"/>
    </row>
    <row r="19" spans="1:15" ht="45" customHeight="1">
      <c r="A19" s="34"/>
      <c r="B19" s="35"/>
      <c r="C19" s="36"/>
      <c r="D19" s="415" t="s">
        <v>148</v>
      </c>
      <c r="E19" s="416"/>
      <c r="F19" s="416"/>
      <c r="G19" s="416"/>
      <c r="H19" s="416"/>
      <c r="I19" s="417"/>
      <c r="J19" s="415" t="s">
        <v>149</v>
      </c>
      <c r="K19" s="416"/>
      <c r="L19" s="417"/>
      <c r="M19" s="24"/>
      <c r="N19" s="415"/>
      <c r="O19" s="418"/>
    </row>
    <row r="20" spans="1:15" ht="45" customHeight="1">
      <c r="A20" s="413"/>
      <c r="B20" s="414"/>
      <c r="C20" s="36"/>
      <c r="D20" s="415" t="s">
        <v>150</v>
      </c>
      <c r="E20" s="416"/>
      <c r="F20" s="416"/>
      <c r="G20" s="416"/>
      <c r="H20" s="416"/>
      <c r="I20" s="417"/>
      <c r="J20" s="415" t="s">
        <v>151</v>
      </c>
      <c r="K20" s="416"/>
      <c r="L20" s="417"/>
      <c r="M20" s="24"/>
      <c r="N20" s="415"/>
      <c r="O20" s="418"/>
    </row>
    <row r="21" spans="1:15" ht="45" customHeight="1">
      <c r="A21" s="413"/>
      <c r="B21" s="414"/>
      <c r="C21" s="21"/>
      <c r="D21" s="415" t="s">
        <v>154</v>
      </c>
      <c r="E21" s="416"/>
      <c r="F21" s="416"/>
      <c r="G21" s="416"/>
      <c r="H21" s="416"/>
      <c r="I21" s="417"/>
      <c r="J21" s="415" t="s">
        <v>153</v>
      </c>
      <c r="K21" s="416"/>
      <c r="L21" s="417"/>
      <c r="M21" s="24"/>
      <c r="N21" s="415"/>
      <c r="O21" s="418"/>
    </row>
    <row r="22" spans="1:15" ht="75" customHeight="1">
      <c r="A22" s="419"/>
      <c r="B22" s="420"/>
      <c r="C22" s="19" t="s">
        <v>196</v>
      </c>
      <c r="D22" s="409" t="s">
        <v>156</v>
      </c>
      <c r="E22" s="410"/>
      <c r="F22" s="410"/>
      <c r="G22" s="410"/>
      <c r="H22" s="410"/>
      <c r="I22" s="411"/>
      <c r="J22" s="409" t="s">
        <v>157</v>
      </c>
      <c r="K22" s="410"/>
      <c r="L22" s="411"/>
      <c r="M22" s="24"/>
      <c r="N22" s="415"/>
      <c r="O22" s="418"/>
    </row>
    <row r="23" spans="1:15" ht="75" customHeight="1">
      <c r="A23" s="421" t="s">
        <v>141</v>
      </c>
      <c r="B23" s="422"/>
      <c r="C23" s="19" t="s">
        <v>140</v>
      </c>
      <c r="D23" s="409" t="s">
        <v>144</v>
      </c>
      <c r="E23" s="410"/>
      <c r="F23" s="410"/>
      <c r="G23" s="410"/>
      <c r="H23" s="410"/>
      <c r="I23" s="411"/>
      <c r="J23" s="409" t="s">
        <v>155</v>
      </c>
      <c r="K23" s="410"/>
      <c r="L23" s="411"/>
      <c r="M23" s="16"/>
      <c r="N23" s="409"/>
      <c r="O23" s="412"/>
    </row>
    <row r="24" spans="1:15" ht="50.1" customHeight="1">
      <c r="A24" s="423"/>
      <c r="B24" s="424"/>
      <c r="C24" s="26"/>
      <c r="D24" s="425"/>
      <c r="E24" s="426"/>
      <c r="F24" s="426"/>
      <c r="G24" s="426"/>
      <c r="H24" s="426"/>
      <c r="I24" s="427"/>
      <c r="J24" s="425"/>
      <c r="K24" s="426"/>
      <c r="L24" s="427"/>
      <c r="M24" s="33"/>
      <c r="N24" s="425"/>
      <c r="O24" s="428"/>
    </row>
    <row r="25" spans="1:15" ht="15" customHeight="1">
      <c r="A25" s="6"/>
    </row>
    <row r="26" spans="1:15" ht="15" customHeight="1">
      <c r="A26" s="13" t="s">
        <v>28</v>
      </c>
    </row>
    <row r="27" spans="1:15" ht="15" customHeight="1">
      <c r="A27" s="12" t="s">
        <v>12</v>
      </c>
      <c r="B27" s="230" t="s">
        <v>6</v>
      </c>
      <c r="C27" s="231"/>
      <c r="D27" s="230" t="s">
        <v>29</v>
      </c>
      <c r="E27" s="232"/>
      <c r="F27" s="232"/>
      <c r="G27" s="232"/>
      <c r="H27" s="232"/>
      <c r="I27" s="231"/>
      <c r="J27" s="230" t="s">
        <v>33</v>
      </c>
      <c r="K27" s="232"/>
      <c r="L27" s="232"/>
      <c r="M27" s="231"/>
      <c r="N27" s="230" t="s">
        <v>14</v>
      </c>
      <c r="O27" s="233"/>
    </row>
    <row r="28" spans="1:15" ht="20.100000000000001" customHeight="1">
      <c r="A28" s="9">
        <v>1</v>
      </c>
      <c r="B28" s="234"/>
      <c r="C28" s="236"/>
      <c r="D28" s="234"/>
      <c r="E28" s="235"/>
      <c r="F28" s="235"/>
      <c r="G28" s="235"/>
      <c r="H28" s="235"/>
      <c r="I28" s="236"/>
      <c r="J28" s="234"/>
      <c r="K28" s="235"/>
      <c r="L28" s="235"/>
      <c r="M28" s="236"/>
      <c r="N28" s="234"/>
      <c r="O28" s="237"/>
    </row>
    <row r="29" spans="1:15" ht="20.100000000000001" customHeight="1">
      <c r="A29" s="14">
        <v>2</v>
      </c>
      <c r="B29" s="222"/>
      <c r="C29" s="223"/>
      <c r="D29" s="222"/>
      <c r="E29" s="224"/>
      <c r="F29" s="224"/>
      <c r="G29" s="224"/>
      <c r="H29" s="224"/>
      <c r="I29" s="223"/>
      <c r="J29" s="222"/>
      <c r="K29" s="224"/>
      <c r="L29" s="224"/>
      <c r="M29" s="223"/>
      <c r="N29" s="222"/>
      <c r="O29" s="225"/>
    </row>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sheetData>
  <mergeCells count="52">
    <mergeCell ref="J18:L18"/>
    <mergeCell ref="N18:O18"/>
    <mergeCell ref="A17:B18"/>
    <mergeCell ref="D19:I19"/>
    <mergeCell ref="J19:L19"/>
    <mergeCell ref="N19:O19"/>
    <mergeCell ref="D17:I17"/>
    <mergeCell ref="J17:L17"/>
    <mergeCell ref="N17:O17"/>
    <mergeCell ref="D18:I18"/>
    <mergeCell ref="B28:C28"/>
    <mergeCell ref="D28:I28"/>
    <mergeCell ref="J28:M28"/>
    <mergeCell ref="N28:O28"/>
    <mergeCell ref="B29:C29"/>
    <mergeCell ref="D29:I29"/>
    <mergeCell ref="J29:M29"/>
    <mergeCell ref="N29:O29"/>
    <mergeCell ref="B27:C27"/>
    <mergeCell ref="D27:I27"/>
    <mergeCell ref="J27:M27"/>
    <mergeCell ref="N27:O27"/>
    <mergeCell ref="A24:B24"/>
    <mergeCell ref="D24:I24"/>
    <mergeCell ref="J24:L24"/>
    <mergeCell ref="N24:O24"/>
    <mergeCell ref="J23:L23"/>
    <mergeCell ref="N23:O23"/>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sheetPr>
  <dimension ref="A1:T46"/>
  <sheetViews>
    <sheetView view="pageBreakPreview" zoomScale="11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272</v>
      </c>
      <c r="B8" s="177"/>
      <c r="C8" s="178"/>
      <c r="D8" s="185" t="s">
        <v>273</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399" t="s">
        <v>6</v>
      </c>
      <c r="B16" s="231"/>
      <c r="C16" s="10" t="s">
        <v>7</v>
      </c>
      <c r="D16" s="230" t="s">
        <v>8</v>
      </c>
      <c r="E16" s="232"/>
      <c r="F16" s="232"/>
      <c r="G16" s="232"/>
      <c r="H16" s="232"/>
      <c r="I16" s="231"/>
      <c r="J16" s="230" t="s">
        <v>19</v>
      </c>
      <c r="K16" s="232"/>
      <c r="L16" s="231"/>
      <c r="M16" s="11" t="s">
        <v>9</v>
      </c>
      <c r="N16" s="230" t="s">
        <v>15</v>
      </c>
      <c r="O16" s="233"/>
      <c r="Q16" s="7"/>
      <c r="R16" s="7"/>
      <c r="S16" s="7"/>
      <c r="T16" s="7"/>
    </row>
    <row r="17" spans="1:15" ht="70.349999999999994" customHeight="1">
      <c r="A17" s="447" t="s">
        <v>27</v>
      </c>
      <c r="B17" s="448"/>
      <c r="C17" s="53" t="s">
        <v>274</v>
      </c>
      <c r="D17" s="449" t="s">
        <v>277</v>
      </c>
      <c r="E17" s="144"/>
      <c r="F17" s="144"/>
      <c r="G17" s="144"/>
      <c r="H17" s="144"/>
      <c r="I17" s="450"/>
      <c r="J17" s="449" t="s">
        <v>282</v>
      </c>
      <c r="K17" s="144"/>
      <c r="L17" s="450"/>
      <c r="M17" s="16"/>
      <c r="N17" s="409"/>
      <c r="O17" s="412"/>
    </row>
    <row r="18" spans="1:15" ht="70.349999999999994" customHeight="1">
      <c r="A18" s="442"/>
      <c r="B18" s="443"/>
      <c r="C18" s="54" t="s">
        <v>275</v>
      </c>
      <c r="D18" s="451" t="s">
        <v>278</v>
      </c>
      <c r="E18" s="452"/>
      <c r="F18" s="452"/>
      <c r="G18" s="452"/>
      <c r="H18" s="452"/>
      <c r="I18" s="453"/>
      <c r="J18" s="451" t="s">
        <v>281</v>
      </c>
      <c r="K18" s="452"/>
      <c r="L18" s="453"/>
      <c r="M18" s="22"/>
      <c r="N18" s="415"/>
      <c r="O18" s="418"/>
    </row>
    <row r="19" spans="1:15" ht="70.349999999999994" customHeight="1">
      <c r="A19" s="442"/>
      <c r="B19" s="443"/>
      <c r="C19" s="437" t="s">
        <v>521</v>
      </c>
      <c r="D19" s="444" t="s">
        <v>375</v>
      </c>
      <c r="E19" s="445"/>
      <c r="F19" s="445"/>
      <c r="G19" s="445"/>
      <c r="H19" s="445"/>
      <c r="I19" s="446"/>
      <c r="J19" s="444" t="s">
        <v>280</v>
      </c>
      <c r="K19" s="445"/>
      <c r="L19" s="446"/>
      <c r="M19" s="16"/>
      <c r="N19" s="409"/>
      <c r="O19" s="412"/>
    </row>
    <row r="20" spans="1:15" ht="94.5" customHeight="1">
      <c r="A20" s="79"/>
      <c r="B20" s="80"/>
      <c r="C20" s="438"/>
      <c r="D20" s="439" t="s">
        <v>364</v>
      </c>
      <c r="E20" s="440"/>
      <c r="F20" s="440"/>
      <c r="G20" s="440"/>
      <c r="H20" s="440"/>
      <c r="I20" s="441"/>
      <c r="J20" s="439" t="s">
        <v>365</v>
      </c>
      <c r="K20" s="440"/>
      <c r="L20" s="441"/>
      <c r="M20" s="43"/>
      <c r="N20" s="77"/>
      <c r="O20" s="78"/>
    </row>
    <row r="21" spans="1:15" ht="70.349999999999994" customHeight="1">
      <c r="A21" s="435"/>
      <c r="B21" s="436"/>
      <c r="C21" s="53" t="s">
        <v>276</v>
      </c>
      <c r="D21" s="385" t="s">
        <v>376</v>
      </c>
      <c r="E21" s="386"/>
      <c r="F21" s="386"/>
      <c r="G21" s="386"/>
      <c r="H21" s="386"/>
      <c r="I21" s="387"/>
      <c r="J21" s="385" t="s">
        <v>279</v>
      </c>
      <c r="K21" s="386"/>
      <c r="L21" s="387"/>
      <c r="M21" s="43"/>
      <c r="N21" s="409"/>
      <c r="O21" s="412"/>
    </row>
    <row r="22" spans="1:15" ht="50.1" customHeight="1">
      <c r="A22" s="217"/>
      <c r="B22" s="218"/>
      <c r="C22" s="19"/>
      <c r="D22" s="409"/>
      <c r="E22" s="410"/>
      <c r="F22" s="410"/>
      <c r="G22" s="410"/>
      <c r="H22" s="410"/>
      <c r="I22" s="411"/>
      <c r="J22" s="409"/>
      <c r="K22" s="410"/>
      <c r="L22" s="411"/>
      <c r="M22" s="16"/>
      <c r="N22" s="409"/>
      <c r="O22" s="412"/>
    </row>
    <row r="23" spans="1:15" ht="50.1" customHeight="1">
      <c r="A23" s="454"/>
      <c r="B23" s="455"/>
      <c r="C23" s="20"/>
      <c r="D23" s="456"/>
      <c r="E23" s="457"/>
      <c r="F23" s="457"/>
      <c r="G23" s="457"/>
      <c r="H23" s="457"/>
      <c r="I23" s="458"/>
      <c r="J23" s="456"/>
      <c r="K23" s="457"/>
      <c r="L23" s="458"/>
      <c r="M23" s="17"/>
      <c r="N23" s="456"/>
      <c r="O23" s="459"/>
    </row>
    <row r="24" spans="1:15" ht="15" customHeight="1">
      <c r="A24" s="23" t="s">
        <v>26</v>
      </c>
    </row>
    <row r="25" spans="1:15" ht="15" customHeight="1">
      <c r="A25" s="6"/>
    </row>
    <row r="26" spans="1:15" ht="15" customHeight="1">
      <c r="A26" s="13" t="s">
        <v>28</v>
      </c>
    </row>
    <row r="27" spans="1:15" ht="15" customHeight="1">
      <c r="A27" s="12" t="s">
        <v>12</v>
      </c>
      <c r="B27" s="230" t="s">
        <v>6</v>
      </c>
      <c r="C27" s="231"/>
      <c r="D27" s="230" t="s">
        <v>29</v>
      </c>
      <c r="E27" s="232"/>
      <c r="F27" s="232"/>
      <c r="G27" s="232"/>
      <c r="H27" s="232"/>
      <c r="I27" s="231"/>
      <c r="J27" s="230" t="s">
        <v>33</v>
      </c>
      <c r="K27" s="232"/>
      <c r="L27" s="232"/>
      <c r="M27" s="231"/>
      <c r="N27" s="230" t="s">
        <v>14</v>
      </c>
      <c r="O27" s="233"/>
    </row>
    <row r="28" spans="1:15" ht="20.100000000000001" customHeight="1">
      <c r="A28" s="9">
        <v>1</v>
      </c>
      <c r="B28" s="234"/>
      <c r="C28" s="236"/>
      <c r="D28" s="234"/>
      <c r="E28" s="235"/>
      <c r="F28" s="235"/>
      <c r="G28" s="235"/>
      <c r="H28" s="235"/>
      <c r="I28" s="236"/>
      <c r="J28" s="234"/>
      <c r="K28" s="235"/>
      <c r="L28" s="235"/>
      <c r="M28" s="236"/>
      <c r="N28" s="234"/>
      <c r="O28" s="237"/>
    </row>
    <row r="29" spans="1:15" ht="20.100000000000001" customHeight="1">
      <c r="A29" s="14">
        <v>2</v>
      </c>
      <c r="B29" s="222"/>
      <c r="C29" s="223"/>
      <c r="D29" s="222"/>
      <c r="E29" s="224"/>
      <c r="F29" s="224"/>
      <c r="G29" s="224"/>
      <c r="H29" s="224"/>
      <c r="I29" s="223"/>
      <c r="J29" s="222"/>
      <c r="K29" s="224"/>
      <c r="L29" s="224"/>
      <c r="M29" s="223"/>
      <c r="N29" s="222"/>
      <c r="O29" s="225"/>
    </row>
    <row r="30" spans="1:15" ht="15" customHeight="1"/>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sheetData>
  <mergeCells count="49">
    <mergeCell ref="B29:C29"/>
    <mergeCell ref="D29:I29"/>
    <mergeCell ref="J29:M29"/>
    <mergeCell ref="N29:O29"/>
    <mergeCell ref="B27:C27"/>
    <mergeCell ref="D27:I27"/>
    <mergeCell ref="J27:M27"/>
    <mergeCell ref="N27:O27"/>
    <mergeCell ref="B28:C28"/>
    <mergeCell ref="D28:I28"/>
    <mergeCell ref="J28:M28"/>
    <mergeCell ref="N28:O28"/>
    <mergeCell ref="A23:B23"/>
    <mergeCell ref="D23:I23"/>
    <mergeCell ref="J23:L23"/>
    <mergeCell ref="N23:O23"/>
    <mergeCell ref="A22:B22"/>
    <mergeCell ref="D22:I22"/>
    <mergeCell ref="J22:L22"/>
    <mergeCell ref="N22:O22"/>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 ref="N21:O21"/>
    <mergeCell ref="J21:L21"/>
    <mergeCell ref="D21:I21"/>
    <mergeCell ref="A21:B21"/>
    <mergeCell ref="C19:C20"/>
    <mergeCell ref="D20:I20"/>
    <mergeCell ref="J20:L20"/>
    <mergeCell ref="A19:B19"/>
    <mergeCell ref="D19:I19"/>
    <mergeCell ref="J19:L19"/>
    <mergeCell ref="N19:O19"/>
  </mergeCells>
  <phoneticPr fontId="2"/>
  <dataValidations count="1">
    <dataValidation type="list" allowBlank="1" showInputMessage="1" showErrorMessage="1" sqref="M17:M23">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T47"/>
  <sheetViews>
    <sheetView showGridLines="0" view="pageBreakPreview" zoomScale="110" zoomScaleNormal="100" zoomScaleSheetLayoutView="120" workbookViewId="0">
      <selection sqref="A1:B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8" t="s">
        <v>393</v>
      </c>
      <c r="N1" s="209"/>
      <c r="O1" s="209"/>
    </row>
    <row r="2" spans="1:20" ht="15" customHeight="1">
      <c r="L2" s="7"/>
      <c r="M2" s="7"/>
      <c r="N2" s="7"/>
    </row>
    <row r="3" spans="1:20" ht="15" customHeight="1">
      <c r="J3" s="15" t="s">
        <v>1</v>
      </c>
      <c r="K3" s="4"/>
      <c r="L3" s="2"/>
      <c r="M3" s="2"/>
      <c r="N3" s="2"/>
      <c r="O3" s="3"/>
    </row>
    <row r="4" spans="1:20" ht="15" customHeight="1">
      <c r="F4" s="462" t="s">
        <v>127</v>
      </c>
      <c r="G4" s="462"/>
      <c r="H4" s="462"/>
      <c r="I4" s="463"/>
      <c r="J4" s="15" t="s">
        <v>13</v>
      </c>
      <c r="K4" s="4"/>
      <c r="L4" s="2"/>
      <c r="M4" s="2"/>
      <c r="N4" s="2"/>
      <c r="O4" s="3"/>
    </row>
    <row r="5" spans="1:20" ht="15" customHeight="1">
      <c r="F5" s="462"/>
      <c r="G5" s="462"/>
      <c r="H5" s="462"/>
      <c r="I5" s="463"/>
      <c r="J5" s="15" t="s">
        <v>2</v>
      </c>
      <c r="K5" s="4"/>
      <c r="L5" s="2"/>
      <c r="M5" s="5" t="s">
        <v>3</v>
      </c>
      <c r="N5" s="2"/>
      <c r="O5" s="3"/>
    </row>
    <row r="6" spans="1:20" ht="15" customHeight="1"/>
    <row r="7" spans="1:20" ht="15" customHeight="1">
      <c r="A7" s="13" t="s">
        <v>5</v>
      </c>
    </row>
    <row r="8" spans="1:20" ht="15" customHeight="1">
      <c r="A8" s="176" t="s">
        <v>78</v>
      </c>
      <c r="B8" s="177"/>
      <c r="C8" s="178"/>
      <c r="D8" s="185"/>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399" t="s">
        <v>6</v>
      </c>
      <c r="B16" s="231"/>
      <c r="C16" s="10" t="s">
        <v>7</v>
      </c>
      <c r="D16" s="230" t="s">
        <v>8</v>
      </c>
      <c r="E16" s="232"/>
      <c r="F16" s="232"/>
      <c r="G16" s="232"/>
      <c r="H16" s="232"/>
      <c r="I16" s="231"/>
      <c r="J16" s="230" t="s">
        <v>19</v>
      </c>
      <c r="K16" s="232"/>
      <c r="L16" s="231"/>
      <c r="M16" s="11" t="s">
        <v>9</v>
      </c>
      <c r="N16" s="230" t="s">
        <v>15</v>
      </c>
      <c r="O16" s="233"/>
      <c r="Q16" s="7"/>
      <c r="R16" s="7"/>
      <c r="S16" s="7"/>
      <c r="T16" s="7"/>
    </row>
    <row r="17" spans="1:15" ht="50.1" customHeight="1">
      <c r="A17" s="460"/>
      <c r="B17" s="461"/>
      <c r="C17" s="18"/>
      <c r="D17" s="415"/>
      <c r="E17" s="416"/>
      <c r="F17" s="416"/>
      <c r="G17" s="416"/>
      <c r="H17" s="416"/>
      <c r="I17" s="417"/>
      <c r="J17" s="415"/>
      <c r="K17" s="416"/>
      <c r="L17" s="417"/>
      <c r="M17" s="25"/>
      <c r="N17" s="433"/>
      <c r="O17" s="434"/>
    </row>
    <row r="18" spans="1:15" ht="50.1" customHeight="1">
      <c r="A18" s="413"/>
      <c r="B18" s="414"/>
      <c r="C18" s="19"/>
      <c r="D18" s="409"/>
      <c r="E18" s="410"/>
      <c r="F18" s="410"/>
      <c r="G18" s="410"/>
      <c r="H18" s="410"/>
      <c r="I18" s="411"/>
      <c r="J18" s="415"/>
      <c r="K18" s="416"/>
      <c r="L18" s="417"/>
      <c r="M18" s="24"/>
      <c r="N18" s="415"/>
      <c r="O18" s="418"/>
    </row>
    <row r="19" spans="1:15" ht="50.1" customHeight="1">
      <c r="A19" s="413"/>
      <c r="B19" s="414"/>
      <c r="C19" s="19"/>
      <c r="D19" s="409"/>
      <c r="E19" s="410"/>
      <c r="F19" s="410"/>
      <c r="G19" s="410"/>
      <c r="H19" s="410"/>
      <c r="I19" s="411"/>
      <c r="J19" s="415"/>
      <c r="K19" s="416"/>
      <c r="L19" s="417"/>
      <c r="M19" s="16"/>
      <c r="N19" s="409"/>
      <c r="O19" s="412"/>
    </row>
    <row r="20" spans="1:15" ht="50.1" customHeight="1">
      <c r="A20" s="413"/>
      <c r="B20" s="414"/>
      <c r="C20" s="19"/>
      <c r="D20" s="409"/>
      <c r="E20" s="410"/>
      <c r="F20" s="410"/>
      <c r="G20" s="410"/>
      <c r="H20" s="410"/>
      <c r="I20" s="411"/>
      <c r="J20" s="409"/>
      <c r="K20" s="410"/>
      <c r="L20" s="411"/>
      <c r="M20" s="16"/>
      <c r="N20" s="409"/>
      <c r="O20" s="412"/>
    </row>
    <row r="21" spans="1:15" ht="50.1" customHeight="1">
      <c r="A21" s="413"/>
      <c r="B21" s="414"/>
      <c r="C21" s="19"/>
      <c r="D21" s="409"/>
      <c r="E21" s="410"/>
      <c r="F21" s="410"/>
      <c r="G21" s="410"/>
      <c r="H21" s="410"/>
      <c r="I21" s="411"/>
      <c r="J21" s="409"/>
      <c r="K21" s="410"/>
      <c r="L21" s="411"/>
      <c r="M21" s="22"/>
      <c r="N21" s="415"/>
      <c r="O21" s="418"/>
    </row>
    <row r="22" spans="1:15" ht="50.1" customHeight="1">
      <c r="A22" s="419"/>
      <c r="B22" s="420"/>
      <c r="C22" s="19"/>
      <c r="D22" s="415"/>
      <c r="E22" s="416"/>
      <c r="F22" s="416"/>
      <c r="G22" s="416"/>
      <c r="H22" s="416"/>
      <c r="I22" s="417"/>
      <c r="J22" s="409"/>
      <c r="K22" s="410"/>
      <c r="L22" s="411"/>
      <c r="M22" s="16"/>
      <c r="N22" s="409"/>
      <c r="O22" s="412"/>
    </row>
    <row r="23" spans="1:15" ht="50.1" customHeight="1">
      <c r="A23" s="217"/>
      <c r="B23" s="218"/>
      <c r="C23" s="19"/>
      <c r="D23" s="409"/>
      <c r="E23" s="410"/>
      <c r="F23" s="410"/>
      <c r="G23" s="410"/>
      <c r="H23" s="410"/>
      <c r="I23" s="411"/>
      <c r="J23" s="409"/>
      <c r="K23" s="410"/>
      <c r="L23" s="411"/>
      <c r="M23" s="28"/>
      <c r="N23" s="409"/>
      <c r="O23" s="412"/>
    </row>
    <row r="24" spans="1:15" ht="50.1" customHeight="1">
      <c r="A24" s="423"/>
      <c r="B24" s="424"/>
      <c r="C24" s="26"/>
      <c r="D24" s="425"/>
      <c r="E24" s="426"/>
      <c r="F24" s="426"/>
      <c r="G24" s="426"/>
      <c r="H24" s="426"/>
      <c r="I24" s="427"/>
      <c r="J24" s="425"/>
      <c r="K24" s="426"/>
      <c r="L24" s="427"/>
      <c r="M24" s="27"/>
      <c r="N24" s="425"/>
      <c r="O24" s="428"/>
    </row>
    <row r="25" spans="1:15" ht="15" customHeight="1">
      <c r="A25" s="23" t="s">
        <v>26</v>
      </c>
    </row>
    <row r="26" spans="1:15" ht="15" customHeight="1">
      <c r="A26" s="6"/>
    </row>
    <row r="27" spans="1:15" ht="15" customHeight="1">
      <c r="A27" s="13" t="s">
        <v>28</v>
      </c>
    </row>
    <row r="28" spans="1:15" ht="15" customHeight="1">
      <c r="A28" s="12" t="s">
        <v>12</v>
      </c>
      <c r="B28" s="230" t="s">
        <v>6</v>
      </c>
      <c r="C28" s="231"/>
      <c r="D28" s="230" t="s">
        <v>29</v>
      </c>
      <c r="E28" s="232"/>
      <c r="F28" s="232"/>
      <c r="G28" s="232"/>
      <c r="H28" s="232"/>
      <c r="I28" s="231"/>
      <c r="J28" s="230" t="s">
        <v>33</v>
      </c>
      <c r="K28" s="232"/>
      <c r="L28" s="232"/>
      <c r="M28" s="231"/>
      <c r="N28" s="230" t="s">
        <v>14</v>
      </c>
      <c r="O28" s="233"/>
    </row>
    <row r="29" spans="1:15" ht="20.100000000000001" customHeight="1">
      <c r="A29" s="9">
        <v>1</v>
      </c>
      <c r="B29" s="234"/>
      <c r="C29" s="236"/>
      <c r="D29" s="234"/>
      <c r="E29" s="235"/>
      <c r="F29" s="235"/>
      <c r="G29" s="235"/>
      <c r="H29" s="235"/>
      <c r="I29" s="236"/>
      <c r="J29" s="234"/>
      <c r="K29" s="235"/>
      <c r="L29" s="235"/>
      <c r="M29" s="236"/>
      <c r="N29" s="234"/>
      <c r="O29" s="237"/>
    </row>
    <row r="30" spans="1:15" ht="20.100000000000001" customHeight="1">
      <c r="A30" s="14">
        <v>2</v>
      </c>
      <c r="B30" s="222"/>
      <c r="C30" s="223"/>
      <c r="D30" s="222"/>
      <c r="E30" s="224"/>
      <c r="F30" s="224"/>
      <c r="G30" s="224"/>
      <c r="H30" s="224"/>
      <c r="I30" s="223"/>
      <c r="J30" s="222"/>
      <c r="K30" s="224"/>
      <c r="L30" s="224"/>
      <c r="M30" s="223"/>
      <c r="N30" s="222"/>
      <c r="O30" s="225"/>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5">
    <mergeCell ref="A16:B16"/>
    <mergeCell ref="D16:I16"/>
    <mergeCell ref="J16:L16"/>
    <mergeCell ref="N16:O16"/>
    <mergeCell ref="A1:B1"/>
    <mergeCell ref="D1:L1"/>
    <mergeCell ref="M1:O1"/>
    <mergeCell ref="A8:C10"/>
    <mergeCell ref="D8:O10"/>
    <mergeCell ref="F4:I5"/>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disablePrompts="1"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39997558519241921"/>
    <pageSetUpPr fitToPage="1"/>
  </sheetPr>
  <dimension ref="A1:T50"/>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8" t="s">
        <v>548</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4</v>
      </c>
      <c r="B8" s="177"/>
      <c r="C8" s="178"/>
      <c r="D8" s="185" t="s">
        <v>10</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17</v>
      </c>
      <c r="B17" s="215"/>
      <c r="C17" s="66" t="s">
        <v>408</v>
      </c>
      <c r="D17" s="216" t="s">
        <v>283</v>
      </c>
      <c r="E17" s="216"/>
      <c r="F17" s="216"/>
      <c r="G17" s="216"/>
      <c r="H17" s="216"/>
      <c r="I17" s="216"/>
      <c r="J17" s="216" t="s">
        <v>36</v>
      </c>
      <c r="K17" s="216"/>
      <c r="L17" s="216"/>
      <c r="M17" s="91"/>
      <c r="N17" s="170"/>
      <c r="O17" s="171"/>
    </row>
    <row r="18" spans="1:15" ht="50.1" customHeight="1">
      <c r="A18" s="212"/>
      <c r="B18" s="213"/>
      <c r="C18" s="67" t="s">
        <v>409</v>
      </c>
      <c r="D18" s="211" t="s">
        <v>30</v>
      </c>
      <c r="E18" s="211"/>
      <c r="F18" s="211"/>
      <c r="G18" s="211"/>
      <c r="H18" s="211"/>
      <c r="I18" s="211"/>
      <c r="J18" s="211" t="s">
        <v>37</v>
      </c>
      <c r="K18" s="211"/>
      <c r="L18" s="211"/>
      <c r="M18" s="89"/>
      <c r="N18" s="172"/>
      <c r="O18" s="173"/>
    </row>
    <row r="19" spans="1:15" ht="44.85" customHeight="1">
      <c r="A19" s="212"/>
      <c r="B19" s="213"/>
      <c r="C19" s="67" t="s">
        <v>74</v>
      </c>
      <c r="D19" s="211" t="s">
        <v>397</v>
      </c>
      <c r="E19" s="211"/>
      <c r="F19" s="211"/>
      <c r="G19" s="211"/>
      <c r="H19" s="211"/>
      <c r="I19" s="211"/>
      <c r="J19" s="211" t="s">
        <v>385</v>
      </c>
      <c r="K19" s="211"/>
      <c r="L19" s="211"/>
      <c r="M19" s="28"/>
      <c r="N19" s="172"/>
      <c r="O19" s="173"/>
    </row>
    <row r="20" spans="1:15" ht="50.25" customHeight="1">
      <c r="A20" s="217"/>
      <c r="B20" s="218"/>
      <c r="C20" s="19" t="s">
        <v>394</v>
      </c>
      <c r="D20" s="172" t="s">
        <v>395</v>
      </c>
      <c r="E20" s="172"/>
      <c r="F20" s="172"/>
      <c r="G20" s="172"/>
      <c r="H20" s="172"/>
      <c r="I20" s="172"/>
      <c r="J20" s="172" t="s">
        <v>396</v>
      </c>
      <c r="K20" s="172"/>
      <c r="L20" s="172"/>
      <c r="M20" s="28"/>
      <c r="N20" s="219"/>
      <c r="O20" s="220"/>
    </row>
    <row r="21" spans="1:15" ht="80.099999999999994" customHeight="1">
      <c r="A21" s="212"/>
      <c r="B21" s="213"/>
      <c r="C21" s="19" t="s">
        <v>24</v>
      </c>
      <c r="D21" s="172" t="s">
        <v>31</v>
      </c>
      <c r="E21" s="172"/>
      <c r="F21" s="172"/>
      <c r="G21" s="172"/>
      <c r="H21" s="172"/>
      <c r="I21" s="172"/>
      <c r="J21" s="172" t="s">
        <v>55</v>
      </c>
      <c r="K21" s="172"/>
      <c r="L21" s="172"/>
      <c r="M21" s="28"/>
      <c r="N21" s="172"/>
      <c r="O21" s="173"/>
    </row>
    <row r="22" spans="1:15" ht="51.6" customHeight="1">
      <c r="A22" s="217"/>
      <c r="B22" s="218"/>
      <c r="C22" s="51" t="s">
        <v>378</v>
      </c>
      <c r="D22" s="211" t="s">
        <v>379</v>
      </c>
      <c r="E22" s="211"/>
      <c r="F22" s="211"/>
      <c r="G22" s="211"/>
      <c r="H22" s="211"/>
      <c r="I22" s="211"/>
      <c r="J22" s="211" t="s">
        <v>163</v>
      </c>
      <c r="K22" s="211"/>
      <c r="L22" s="211"/>
      <c r="M22" s="28"/>
      <c r="N22" s="219"/>
      <c r="O22" s="220"/>
    </row>
    <row r="23" spans="1:15" ht="50.1" customHeight="1">
      <c r="A23" s="212" t="s">
        <v>27</v>
      </c>
      <c r="B23" s="213"/>
      <c r="C23" s="19" t="s">
        <v>20</v>
      </c>
      <c r="D23" s="172" t="s">
        <v>32</v>
      </c>
      <c r="E23" s="172"/>
      <c r="F23" s="172"/>
      <c r="G23" s="172"/>
      <c r="H23" s="172"/>
      <c r="I23" s="172"/>
      <c r="J23" s="172" t="s">
        <v>21</v>
      </c>
      <c r="K23" s="172"/>
      <c r="L23" s="172"/>
      <c r="M23" s="28"/>
      <c r="N23" s="172"/>
      <c r="O23" s="173"/>
    </row>
    <row r="24" spans="1:15" ht="50.1" customHeight="1">
      <c r="A24" s="212"/>
      <c r="B24" s="213"/>
      <c r="C24" s="19" t="s">
        <v>197</v>
      </c>
      <c r="D24" s="172" t="s">
        <v>201</v>
      </c>
      <c r="E24" s="172"/>
      <c r="F24" s="172"/>
      <c r="G24" s="172"/>
      <c r="H24" s="172"/>
      <c r="I24" s="172"/>
      <c r="J24" s="172" t="s">
        <v>199</v>
      </c>
      <c r="K24" s="172"/>
      <c r="L24" s="172"/>
      <c r="M24" s="28"/>
      <c r="N24" s="172"/>
      <c r="O24" s="173"/>
    </row>
    <row r="25" spans="1:15" ht="50.1" customHeight="1">
      <c r="A25" s="212"/>
      <c r="B25" s="213"/>
      <c r="C25" s="19" t="s">
        <v>22</v>
      </c>
      <c r="D25" s="172" t="s">
        <v>198</v>
      </c>
      <c r="E25" s="172"/>
      <c r="F25" s="172"/>
      <c r="G25" s="172"/>
      <c r="H25" s="172"/>
      <c r="I25" s="172"/>
      <c r="J25" s="172" t="s">
        <v>200</v>
      </c>
      <c r="K25" s="172"/>
      <c r="L25" s="172"/>
      <c r="M25" s="28"/>
      <c r="N25" s="172"/>
      <c r="O25" s="173"/>
    </row>
    <row r="26" spans="1:15" ht="50.1" customHeight="1">
      <c r="A26" s="217"/>
      <c r="B26" s="218"/>
      <c r="C26" s="83" t="s">
        <v>361</v>
      </c>
      <c r="D26" s="221" t="s">
        <v>362</v>
      </c>
      <c r="E26" s="221"/>
      <c r="F26" s="221"/>
      <c r="G26" s="221"/>
      <c r="H26" s="221"/>
      <c r="I26" s="221"/>
      <c r="J26" s="221" t="s">
        <v>363</v>
      </c>
      <c r="K26" s="221"/>
      <c r="L26" s="221"/>
      <c r="M26" s="28"/>
      <c r="N26" s="219"/>
      <c r="O26" s="220"/>
    </row>
    <row r="27" spans="1:15" ht="50.1" customHeight="1">
      <c r="A27" s="212"/>
      <c r="B27" s="213"/>
      <c r="C27" s="19" t="s">
        <v>23</v>
      </c>
      <c r="D27" s="172" t="s">
        <v>58</v>
      </c>
      <c r="E27" s="172"/>
      <c r="F27" s="172"/>
      <c r="G27" s="172"/>
      <c r="H27" s="172"/>
      <c r="I27" s="172"/>
      <c r="J27" s="172" t="s">
        <v>25</v>
      </c>
      <c r="K27" s="172"/>
      <c r="L27" s="172"/>
      <c r="M27" s="28"/>
      <c r="N27" s="172"/>
      <c r="O27" s="173"/>
    </row>
    <row r="28" spans="1:15" ht="26.25" customHeight="1">
      <c r="A28" s="226"/>
      <c r="B28" s="227"/>
      <c r="C28" s="20"/>
      <c r="D28" s="228"/>
      <c r="E28" s="228"/>
      <c r="F28" s="228"/>
      <c r="G28" s="228"/>
      <c r="H28" s="228"/>
      <c r="I28" s="228"/>
      <c r="J28" s="228"/>
      <c r="K28" s="228"/>
      <c r="L28" s="228"/>
      <c r="M28" s="17"/>
      <c r="N28" s="228"/>
      <c r="O28" s="229"/>
    </row>
    <row r="29" spans="1:15" ht="15" customHeight="1">
      <c r="A29" s="23" t="s">
        <v>26</v>
      </c>
    </row>
    <row r="30" spans="1:15" ht="15" customHeight="1">
      <c r="A30" s="13" t="s">
        <v>28</v>
      </c>
    </row>
    <row r="31" spans="1:15" ht="15" customHeight="1">
      <c r="A31" s="12" t="s">
        <v>12</v>
      </c>
      <c r="B31" s="230" t="s">
        <v>6</v>
      </c>
      <c r="C31" s="231"/>
      <c r="D31" s="230" t="s">
        <v>29</v>
      </c>
      <c r="E31" s="232"/>
      <c r="F31" s="232"/>
      <c r="G31" s="232"/>
      <c r="H31" s="232"/>
      <c r="I31" s="231"/>
      <c r="J31" s="230" t="s">
        <v>33</v>
      </c>
      <c r="K31" s="232"/>
      <c r="L31" s="232"/>
      <c r="M31" s="231"/>
      <c r="N31" s="230" t="s">
        <v>14</v>
      </c>
      <c r="O31" s="233"/>
    </row>
    <row r="32" spans="1:15" ht="20.100000000000001" customHeight="1">
      <c r="A32" s="9">
        <v>1</v>
      </c>
      <c r="B32" s="234"/>
      <c r="C32" s="236"/>
      <c r="D32" s="234"/>
      <c r="E32" s="235"/>
      <c r="F32" s="235"/>
      <c r="G32" s="235"/>
      <c r="H32" s="235"/>
      <c r="I32" s="236"/>
      <c r="J32" s="234"/>
      <c r="K32" s="235"/>
      <c r="L32" s="235"/>
      <c r="M32" s="236"/>
      <c r="N32" s="234"/>
      <c r="O32" s="237"/>
    </row>
    <row r="33" spans="1:15" ht="20.100000000000001" customHeight="1">
      <c r="A33" s="14">
        <v>2</v>
      </c>
      <c r="B33" s="222"/>
      <c r="C33" s="223"/>
      <c r="D33" s="222"/>
      <c r="E33" s="224"/>
      <c r="F33" s="224"/>
      <c r="G33" s="224"/>
      <c r="H33" s="224"/>
      <c r="I33" s="223"/>
      <c r="J33" s="222"/>
      <c r="K33" s="224"/>
      <c r="L33" s="224"/>
      <c r="M33" s="223"/>
      <c r="N33" s="222"/>
      <c r="O33" s="225"/>
    </row>
    <row r="34" spans="1:15" ht="15" customHeight="1"/>
    <row r="35" spans="1:15" ht="15" customHeight="1"/>
    <row r="36" spans="1:15" ht="15" customHeight="1"/>
    <row r="37" spans="1:15" ht="15" customHeight="1"/>
    <row r="38" spans="1:15" ht="15" customHeight="1"/>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sheetData>
  <mergeCells count="70">
    <mergeCell ref="B33:C33"/>
    <mergeCell ref="D33:I33"/>
    <mergeCell ref="J33:M33"/>
    <mergeCell ref="N33:O33"/>
    <mergeCell ref="A28:B28"/>
    <mergeCell ref="D28:I28"/>
    <mergeCell ref="J28:L28"/>
    <mergeCell ref="N28:O28"/>
    <mergeCell ref="B31:C31"/>
    <mergeCell ref="D31:I31"/>
    <mergeCell ref="N31:O31"/>
    <mergeCell ref="D32:I32"/>
    <mergeCell ref="N32:O32"/>
    <mergeCell ref="J31:M31"/>
    <mergeCell ref="B32:C32"/>
    <mergeCell ref="J32:M32"/>
    <mergeCell ref="A27:B27"/>
    <mergeCell ref="D27:I27"/>
    <mergeCell ref="J27:L27"/>
    <mergeCell ref="N27:O27"/>
    <mergeCell ref="A24:B24"/>
    <mergeCell ref="D24:I24"/>
    <mergeCell ref="J24:L24"/>
    <mergeCell ref="N24:O24"/>
    <mergeCell ref="A25:B25"/>
    <mergeCell ref="D25:I25"/>
    <mergeCell ref="J25:L25"/>
    <mergeCell ref="N25:O25"/>
    <mergeCell ref="D26:I26"/>
    <mergeCell ref="J26:L26"/>
    <mergeCell ref="A26:B26"/>
    <mergeCell ref="N26:O26"/>
    <mergeCell ref="N23:O23"/>
    <mergeCell ref="A19:B19"/>
    <mergeCell ref="D19:I19"/>
    <mergeCell ref="J19:L19"/>
    <mergeCell ref="N19:O19"/>
    <mergeCell ref="D20:I20"/>
    <mergeCell ref="J20:L20"/>
    <mergeCell ref="A21:B21"/>
    <mergeCell ref="D21:I21"/>
    <mergeCell ref="N21:O21"/>
    <mergeCell ref="D22:I22"/>
    <mergeCell ref="J22:L22"/>
    <mergeCell ref="A20:B20"/>
    <mergeCell ref="A22:B22"/>
    <mergeCell ref="N22:O22"/>
    <mergeCell ref="N20:O20"/>
    <mergeCell ref="A17:B17"/>
    <mergeCell ref="D17:I17"/>
    <mergeCell ref="J17:L17"/>
    <mergeCell ref="A23:B23"/>
    <mergeCell ref="D23:I23"/>
    <mergeCell ref="J23:L23"/>
    <mergeCell ref="N17:O17"/>
    <mergeCell ref="N18:O18"/>
    <mergeCell ref="J21:L21"/>
    <mergeCell ref="A1:B1"/>
    <mergeCell ref="A8:C10"/>
    <mergeCell ref="D8:O10"/>
    <mergeCell ref="A16:B16"/>
    <mergeCell ref="D16:I16"/>
    <mergeCell ref="J16:L16"/>
    <mergeCell ref="N16:O16"/>
    <mergeCell ref="A12:O14"/>
    <mergeCell ref="M1:O1"/>
    <mergeCell ref="D1:L1"/>
    <mergeCell ref="J18:L18"/>
    <mergeCell ref="A18:B18"/>
    <mergeCell ref="D18:I18"/>
  </mergeCells>
  <phoneticPr fontId="2"/>
  <dataValidations count="1">
    <dataValidation type="list" allowBlank="1" showInputMessage="1" showErrorMessage="1" sqref="M17:M28">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89" orientation="portrait" r:id="rId1"/>
  <headerFooter>
    <oddHeader>&amp;R&amp;"HG丸ｺﾞｼｯｸM-PRO,標準"&amp;8標準的チェックリスト（&amp;A）</oddHeader>
  </headerFooter>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1"/>
  <sheetViews>
    <sheetView zoomScaleNormal="100" workbookViewId="0">
      <selection activeCell="C5" sqref="C5"/>
    </sheetView>
  </sheetViews>
  <sheetFormatPr defaultRowHeight="14.25"/>
  <cols>
    <col min="1" max="1" width="1.625" customWidth="1"/>
    <col min="2" max="2" width="41.125" customWidth="1"/>
    <col min="3" max="3" width="24.625" customWidth="1"/>
  </cols>
  <sheetData>
    <row r="1" spans="1:3">
      <c r="A1" s="118"/>
      <c r="B1" s="118"/>
      <c r="C1" s="118"/>
    </row>
    <row r="2" spans="1:3">
      <c r="A2" s="118"/>
      <c r="B2" s="475" t="s">
        <v>571</v>
      </c>
      <c r="C2" s="118"/>
    </row>
    <row r="3" spans="1:3">
      <c r="A3" s="118"/>
      <c r="B3" s="118"/>
      <c r="C3" s="118"/>
    </row>
    <row r="4" spans="1:3" ht="15.95" customHeight="1">
      <c r="A4" s="118"/>
      <c r="B4" s="119" t="s">
        <v>522</v>
      </c>
      <c r="C4" s="119" t="s">
        <v>523</v>
      </c>
    </row>
    <row r="5" spans="1:3" ht="89.25">
      <c r="A5" s="118"/>
      <c r="B5" s="120" t="s">
        <v>529</v>
      </c>
      <c r="C5" s="476" t="s">
        <v>547</v>
      </c>
    </row>
    <row r="6" spans="1:3" ht="15.95" customHeight="1">
      <c r="A6" s="118"/>
      <c r="B6" s="120" t="s">
        <v>530</v>
      </c>
      <c r="C6" s="120" t="s">
        <v>524</v>
      </c>
    </row>
    <row r="7" spans="1:3" ht="15.95" customHeight="1">
      <c r="A7" s="118"/>
      <c r="B7" s="120" t="s">
        <v>531</v>
      </c>
      <c r="C7" s="120" t="s">
        <v>525</v>
      </c>
    </row>
    <row r="8" spans="1:3" ht="15.95" customHeight="1">
      <c r="A8" s="118"/>
      <c r="B8" s="120" t="s">
        <v>532</v>
      </c>
      <c r="C8" s="120" t="s">
        <v>527</v>
      </c>
    </row>
    <row r="9" spans="1:3" ht="15.95" customHeight="1">
      <c r="A9" s="118"/>
      <c r="B9" s="120" t="s">
        <v>533</v>
      </c>
      <c r="C9" s="121" t="s">
        <v>526</v>
      </c>
    </row>
    <row r="10" spans="1:3" ht="15.95" customHeight="1">
      <c r="A10" s="118"/>
      <c r="B10" s="120" t="s">
        <v>534</v>
      </c>
      <c r="C10" s="121" t="s">
        <v>526</v>
      </c>
    </row>
    <row r="11" spans="1:3" ht="76.5">
      <c r="A11" s="118"/>
      <c r="B11" s="120" t="s">
        <v>535</v>
      </c>
      <c r="C11" s="120" t="s">
        <v>528</v>
      </c>
    </row>
  </sheetData>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3" tint="0.39997558519241921"/>
  </sheetPr>
  <dimension ref="A1:T47"/>
  <sheetViews>
    <sheetView showGridLines="0" view="pageBreakPreview" zoomScale="120" zoomScaleNormal="120" zoomScaleSheetLayoutView="120" workbookViewId="0">
      <selection activeCell="F34" sqref="F34"/>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49</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34</v>
      </c>
      <c r="B8" s="177"/>
      <c r="C8" s="178"/>
      <c r="D8" s="185" t="s">
        <v>134</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135</v>
      </c>
      <c r="B17" s="215"/>
      <c r="C17" s="18" t="s">
        <v>42</v>
      </c>
      <c r="D17" s="170" t="s">
        <v>41</v>
      </c>
      <c r="E17" s="170"/>
      <c r="F17" s="170"/>
      <c r="G17" s="170"/>
      <c r="H17" s="170"/>
      <c r="I17" s="170"/>
      <c r="J17" s="170" t="s">
        <v>38</v>
      </c>
      <c r="K17" s="170"/>
      <c r="L17" s="170"/>
      <c r="M17" s="91"/>
      <c r="N17" s="170"/>
      <c r="O17" s="171"/>
    </row>
    <row r="18" spans="1:15" ht="50.1" customHeight="1">
      <c r="A18" s="212"/>
      <c r="B18" s="213"/>
      <c r="C18" s="19" t="s">
        <v>35</v>
      </c>
      <c r="D18" s="172" t="s">
        <v>284</v>
      </c>
      <c r="E18" s="172"/>
      <c r="F18" s="172"/>
      <c r="G18" s="172"/>
      <c r="H18" s="172"/>
      <c r="I18" s="172"/>
      <c r="J18" s="172" t="s">
        <v>36</v>
      </c>
      <c r="K18" s="172"/>
      <c r="L18" s="172"/>
      <c r="M18" s="89"/>
      <c r="N18" s="172"/>
      <c r="O18" s="173"/>
    </row>
    <row r="19" spans="1:15" ht="50.1" customHeight="1">
      <c r="A19" s="217"/>
      <c r="B19" s="218"/>
      <c r="C19" s="19" t="s">
        <v>18</v>
      </c>
      <c r="D19" s="172" t="s">
        <v>43</v>
      </c>
      <c r="E19" s="172"/>
      <c r="F19" s="172"/>
      <c r="G19" s="172"/>
      <c r="H19" s="172"/>
      <c r="I19" s="172"/>
      <c r="J19" s="172" t="s">
        <v>39</v>
      </c>
      <c r="K19" s="172"/>
      <c r="L19" s="172"/>
      <c r="M19" s="89"/>
      <c r="N19" s="90"/>
      <c r="O19" s="93"/>
    </row>
    <row r="20" spans="1:15" ht="50.1" customHeight="1">
      <c r="A20" s="212"/>
      <c r="B20" s="213"/>
      <c r="C20" s="51" t="s">
        <v>92</v>
      </c>
      <c r="D20" s="211" t="s">
        <v>380</v>
      </c>
      <c r="E20" s="211"/>
      <c r="F20" s="211"/>
      <c r="G20" s="211"/>
      <c r="H20" s="211"/>
      <c r="I20" s="211"/>
      <c r="J20" s="211" t="s">
        <v>39</v>
      </c>
      <c r="K20" s="211"/>
      <c r="L20" s="211"/>
      <c r="M20" s="28"/>
      <c r="N20" s="172"/>
      <c r="O20" s="173"/>
    </row>
    <row r="21" spans="1:15" ht="50.1" customHeight="1">
      <c r="A21" s="212" t="s">
        <v>136</v>
      </c>
      <c r="B21" s="213"/>
      <c r="C21" s="19" t="s">
        <v>42</v>
      </c>
      <c r="D21" s="172" t="s">
        <v>40</v>
      </c>
      <c r="E21" s="172"/>
      <c r="F21" s="172"/>
      <c r="G21" s="172"/>
      <c r="H21" s="172"/>
      <c r="I21" s="172"/>
      <c r="J21" s="172" t="s">
        <v>38</v>
      </c>
      <c r="K21" s="172"/>
      <c r="L21" s="172"/>
      <c r="M21" s="28"/>
      <c r="N21" s="172"/>
      <c r="O21" s="173"/>
    </row>
    <row r="22" spans="1:15" ht="50.1" customHeight="1">
      <c r="A22" s="212"/>
      <c r="B22" s="213"/>
      <c r="C22" s="19" t="s">
        <v>35</v>
      </c>
      <c r="D22" s="172" t="s">
        <v>284</v>
      </c>
      <c r="E22" s="172"/>
      <c r="F22" s="172"/>
      <c r="G22" s="172"/>
      <c r="H22" s="172"/>
      <c r="I22" s="172"/>
      <c r="J22" s="172" t="s">
        <v>36</v>
      </c>
      <c r="K22" s="172"/>
      <c r="L22" s="172"/>
      <c r="M22" s="89"/>
      <c r="N22" s="172"/>
      <c r="O22" s="173"/>
    </row>
    <row r="23" spans="1:15" ht="50.1" customHeight="1">
      <c r="A23" s="217"/>
      <c r="B23" s="218"/>
      <c r="C23" s="19" t="s">
        <v>18</v>
      </c>
      <c r="D23" s="172" t="s">
        <v>43</v>
      </c>
      <c r="E23" s="172"/>
      <c r="F23" s="172"/>
      <c r="G23" s="172"/>
      <c r="H23" s="172"/>
      <c r="I23" s="172"/>
      <c r="J23" s="172" t="s">
        <v>39</v>
      </c>
      <c r="K23" s="172"/>
      <c r="L23" s="172"/>
      <c r="M23" s="89"/>
      <c r="N23" s="219"/>
      <c r="O23" s="220"/>
    </row>
    <row r="24" spans="1:15" ht="50.1" customHeight="1">
      <c r="A24" s="212"/>
      <c r="B24" s="213"/>
      <c r="C24" s="51" t="s">
        <v>92</v>
      </c>
      <c r="D24" s="211" t="s">
        <v>380</v>
      </c>
      <c r="E24" s="211"/>
      <c r="F24" s="211"/>
      <c r="G24" s="211"/>
      <c r="H24" s="211"/>
      <c r="I24" s="211"/>
      <c r="J24" s="211" t="s">
        <v>39</v>
      </c>
      <c r="K24" s="211"/>
      <c r="L24" s="211"/>
      <c r="M24" s="28"/>
      <c r="N24" s="172"/>
      <c r="O24" s="173"/>
    </row>
    <row r="25" spans="1:15" ht="50.1" customHeight="1">
      <c r="A25" s="226"/>
      <c r="B25" s="227"/>
      <c r="C25" s="20"/>
      <c r="D25" s="228"/>
      <c r="E25" s="228"/>
      <c r="F25" s="228"/>
      <c r="G25" s="228"/>
      <c r="H25" s="228"/>
      <c r="I25" s="228"/>
      <c r="J25" s="228"/>
      <c r="K25" s="228"/>
      <c r="L25" s="228"/>
      <c r="M25" s="17"/>
      <c r="N25" s="228"/>
      <c r="O25" s="229"/>
    </row>
    <row r="26" spans="1:15" ht="15" customHeight="1">
      <c r="A26" s="23" t="s">
        <v>26</v>
      </c>
    </row>
    <row r="27" spans="1:15" ht="15" customHeight="1">
      <c r="A27" s="13" t="s">
        <v>28</v>
      </c>
    </row>
    <row r="28" spans="1:15" ht="15" customHeight="1">
      <c r="A28" s="12" t="s">
        <v>12</v>
      </c>
      <c r="B28" s="230" t="s">
        <v>6</v>
      </c>
      <c r="C28" s="231"/>
      <c r="D28" s="230" t="s">
        <v>29</v>
      </c>
      <c r="E28" s="232"/>
      <c r="F28" s="232"/>
      <c r="G28" s="232"/>
      <c r="H28" s="232"/>
      <c r="I28" s="231"/>
      <c r="J28" s="230" t="s">
        <v>33</v>
      </c>
      <c r="K28" s="232"/>
      <c r="L28" s="232"/>
      <c r="M28" s="231"/>
      <c r="N28" s="230" t="s">
        <v>14</v>
      </c>
      <c r="O28" s="233"/>
    </row>
    <row r="29" spans="1:15" ht="20.100000000000001" customHeight="1">
      <c r="A29" s="9">
        <v>1</v>
      </c>
      <c r="B29" s="234"/>
      <c r="C29" s="236"/>
      <c r="D29" s="234"/>
      <c r="E29" s="235"/>
      <c r="F29" s="235"/>
      <c r="G29" s="235"/>
      <c r="H29" s="235"/>
      <c r="I29" s="236"/>
      <c r="J29" s="234"/>
      <c r="K29" s="235"/>
      <c r="L29" s="235"/>
      <c r="M29" s="236"/>
      <c r="N29" s="234"/>
      <c r="O29" s="237"/>
    </row>
    <row r="30" spans="1:15" ht="20.100000000000001" customHeight="1">
      <c r="A30" s="14">
        <v>2</v>
      </c>
      <c r="B30" s="222"/>
      <c r="C30" s="223"/>
      <c r="D30" s="222"/>
      <c r="E30" s="224"/>
      <c r="F30" s="224"/>
      <c r="G30" s="224"/>
      <c r="H30" s="224"/>
      <c r="I30" s="223"/>
      <c r="J30" s="222"/>
      <c r="K30" s="224"/>
      <c r="L30" s="224"/>
      <c r="M30" s="223"/>
      <c r="N30" s="222"/>
      <c r="O30" s="225"/>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7">
    <mergeCell ref="A19:B19"/>
    <mergeCell ref="A23:B23"/>
    <mergeCell ref="N23:O23"/>
    <mergeCell ref="D23:I23"/>
    <mergeCell ref="J23:L23"/>
    <mergeCell ref="D19:I19"/>
    <mergeCell ref="J19:L19"/>
    <mergeCell ref="N20:O20"/>
    <mergeCell ref="N18:O18"/>
    <mergeCell ref="N16:O16"/>
    <mergeCell ref="A17:B17"/>
    <mergeCell ref="D17:I17"/>
    <mergeCell ref="J17:L17"/>
    <mergeCell ref="N17:O17"/>
    <mergeCell ref="A16:B16"/>
    <mergeCell ref="D16:I16"/>
    <mergeCell ref="J16:L16"/>
    <mergeCell ref="A18:B18"/>
    <mergeCell ref="D18:I18"/>
    <mergeCell ref="J18:L18"/>
    <mergeCell ref="B29:C29"/>
    <mergeCell ref="D29:I29"/>
    <mergeCell ref="J29:M29"/>
    <mergeCell ref="N29:O29"/>
    <mergeCell ref="B30:C30"/>
    <mergeCell ref="D30:I30"/>
    <mergeCell ref="J30:M30"/>
    <mergeCell ref="N30:O30"/>
    <mergeCell ref="B28:C28"/>
    <mergeCell ref="D28:I28"/>
    <mergeCell ref="J28:M28"/>
    <mergeCell ref="N28:O28"/>
    <mergeCell ref="A25:B25"/>
    <mergeCell ref="D25:I25"/>
    <mergeCell ref="J25:L25"/>
    <mergeCell ref="N25:O25"/>
    <mergeCell ref="A24:B24"/>
    <mergeCell ref="D24:I24"/>
    <mergeCell ref="J24:L24"/>
    <mergeCell ref="N24:O24"/>
    <mergeCell ref="A12:O14"/>
    <mergeCell ref="A22:B22"/>
    <mergeCell ref="D22:I22"/>
    <mergeCell ref="J22:L22"/>
    <mergeCell ref="N22:O22"/>
    <mergeCell ref="A21:B21"/>
    <mergeCell ref="D21:I21"/>
    <mergeCell ref="J21:L21"/>
    <mergeCell ref="N21:O21"/>
    <mergeCell ref="A20:B20"/>
    <mergeCell ref="D20:I20"/>
    <mergeCell ref="J20:L20"/>
    <mergeCell ref="A1:B1"/>
    <mergeCell ref="D1:L1"/>
    <mergeCell ref="M1:O1"/>
    <mergeCell ref="A8:C10"/>
    <mergeCell ref="D8:O10"/>
  </mergeCells>
  <phoneticPr fontId="2"/>
  <dataValidations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51"/>
  <sheetViews>
    <sheetView showGridLines="0" view="pageBreakPreview" zoomScaleNormal="120" zoomScaleSheetLayoutView="100" workbookViewId="0">
      <selection activeCell="J32" sqref="J32:M32"/>
    </sheetView>
  </sheetViews>
  <sheetFormatPr defaultColWidth="9" defaultRowHeight="11.25"/>
  <cols>
    <col min="1" max="11" width="5.625" style="1" customWidth="1"/>
    <col min="12" max="12" width="6" style="1" customWidth="1"/>
    <col min="13"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5</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0.35" customHeight="1"/>
    <row r="7" spans="1:20" ht="15" customHeight="1">
      <c r="A7" s="13" t="s">
        <v>5</v>
      </c>
    </row>
    <row r="8" spans="1:20" ht="15" customHeight="1">
      <c r="A8" s="176" t="s">
        <v>44</v>
      </c>
      <c r="B8" s="177"/>
      <c r="C8" s="178"/>
      <c r="D8" s="185" t="s">
        <v>261</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6" ht="47.25" customHeight="1">
      <c r="A17" s="214" t="s">
        <v>45</v>
      </c>
      <c r="B17" s="215"/>
      <c r="C17" s="18" t="s">
        <v>46</v>
      </c>
      <c r="D17" s="170" t="s">
        <v>47</v>
      </c>
      <c r="E17" s="170"/>
      <c r="F17" s="170"/>
      <c r="G17" s="170"/>
      <c r="H17" s="170"/>
      <c r="I17" s="170"/>
      <c r="J17" s="170" t="s">
        <v>48</v>
      </c>
      <c r="K17" s="170"/>
      <c r="L17" s="170"/>
      <c r="M17" s="91"/>
      <c r="N17" s="170"/>
      <c r="O17" s="171"/>
    </row>
    <row r="18" spans="1:16" ht="60" customHeight="1">
      <c r="A18" s="238" t="s">
        <v>271</v>
      </c>
      <c r="B18" s="239"/>
      <c r="C18" s="94" t="s">
        <v>415</v>
      </c>
      <c r="D18" s="240" t="s">
        <v>263</v>
      </c>
      <c r="E18" s="240"/>
      <c r="F18" s="240"/>
      <c r="G18" s="240"/>
      <c r="H18" s="240"/>
      <c r="I18" s="240"/>
      <c r="J18" s="241" t="s">
        <v>268</v>
      </c>
      <c r="K18" s="241"/>
      <c r="L18" s="241"/>
      <c r="M18" s="89"/>
      <c r="N18" s="172"/>
      <c r="O18" s="173"/>
    </row>
    <row r="19" spans="1:16" ht="66" customHeight="1">
      <c r="A19" s="247" t="s">
        <v>416</v>
      </c>
      <c r="B19" s="211"/>
      <c r="C19" s="94" t="s">
        <v>415</v>
      </c>
      <c r="D19" s="240" t="s">
        <v>264</v>
      </c>
      <c r="E19" s="240"/>
      <c r="F19" s="240"/>
      <c r="G19" s="240"/>
      <c r="H19" s="240"/>
      <c r="I19" s="240"/>
      <c r="J19" s="240" t="s">
        <v>265</v>
      </c>
      <c r="K19" s="240"/>
      <c r="L19" s="240"/>
      <c r="M19" s="28"/>
      <c r="N19" s="172"/>
      <c r="O19" s="173"/>
      <c r="P19" s="52"/>
    </row>
    <row r="20" spans="1:16" ht="48" customHeight="1">
      <c r="A20" s="242"/>
      <c r="B20" s="243"/>
      <c r="C20" s="19" t="s">
        <v>46</v>
      </c>
      <c r="D20" s="172" t="s">
        <v>266</v>
      </c>
      <c r="E20" s="244"/>
      <c r="F20" s="244"/>
      <c r="G20" s="244"/>
      <c r="H20" s="244"/>
      <c r="I20" s="244"/>
      <c r="J20" s="245" t="s">
        <v>269</v>
      </c>
      <c r="K20" s="246"/>
      <c r="L20" s="246"/>
      <c r="M20" s="28"/>
      <c r="N20" s="172"/>
      <c r="O20" s="173"/>
    </row>
    <row r="21" spans="1:16" ht="83.45" customHeight="1">
      <c r="A21" s="250" t="s">
        <v>381</v>
      </c>
      <c r="B21" s="251"/>
      <c r="C21" s="67" t="s">
        <v>400</v>
      </c>
      <c r="D21" s="211" t="s">
        <v>401</v>
      </c>
      <c r="E21" s="211"/>
      <c r="F21" s="211"/>
      <c r="G21" s="211"/>
      <c r="H21" s="211"/>
      <c r="I21" s="211"/>
      <c r="J21" s="252" t="s">
        <v>560</v>
      </c>
      <c r="K21" s="252"/>
      <c r="L21" s="252"/>
      <c r="M21" s="28"/>
      <c r="N21" s="172"/>
      <c r="O21" s="173"/>
    </row>
    <row r="22" spans="1:16" ht="91.15" customHeight="1">
      <c r="A22" s="248"/>
      <c r="B22" s="249"/>
      <c r="C22" s="67" t="s">
        <v>262</v>
      </c>
      <c r="D22" s="244" t="s">
        <v>561</v>
      </c>
      <c r="E22" s="244"/>
      <c r="F22" s="244"/>
      <c r="G22" s="244"/>
      <c r="H22" s="244"/>
      <c r="I22" s="244"/>
      <c r="J22" s="172" t="s">
        <v>562</v>
      </c>
      <c r="K22" s="244"/>
      <c r="L22" s="244"/>
      <c r="M22" s="28"/>
      <c r="N22" s="172"/>
      <c r="O22" s="173"/>
    </row>
    <row r="23" spans="1:16" ht="47.25" customHeight="1">
      <c r="A23" s="256" t="s">
        <v>398</v>
      </c>
      <c r="B23" s="257"/>
      <c r="C23" s="67" t="s">
        <v>417</v>
      </c>
      <c r="D23" s="211" t="s">
        <v>402</v>
      </c>
      <c r="E23" s="211"/>
      <c r="F23" s="211"/>
      <c r="G23" s="211"/>
      <c r="H23" s="211"/>
      <c r="I23" s="211"/>
      <c r="J23" s="172" t="s">
        <v>270</v>
      </c>
      <c r="K23" s="244"/>
      <c r="L23" s="244"/>
      <c r="M23" s="89"/>
      <c r="N23" s="172"/>
      <c r="O23" s="173"/>
    </row>
    <row r="24" spans="1:16" ht="46.5" customHeight="1">
      <c r="A24" s="256"/>
      <c r="B24" s="257"/>
      <c r="C24" s="67" t="s">
        <v>403</v>
      </c>
      <c r="D24" s="211" t="s">
        <v>404</v>
      </c>
      <c r="E24" s="211"/>
      <c r="F24" s="211"/>
      <c r="G24" s="211"/>
      <c r="H24" s="211"/>
      <c r="I24" s="211"/>
      <c r="J24" s="172" t="s">
        <v>267</v>
      </c>
      <c r="K24" s="244"/>
      <c r="L24" s="244"/>
      <c r="M24" s="28"/>
      <c r="N24" s="172"/>
      <c r="O24" s="173"/>
    </row>
    <row r="25" spans="1:16" ht="72" customHeight="1">
      <c r="A25" s="256"/>
      <c r="B25" s="257"/>
      <c r="C25" s="67" t="s">
        <v>405</v>
      </c>
      <c r="D25" s="211" t="s">
        <v>406</v>
      </c>
      <c r="E25" s="211"/>
      <c r="F25" s="211"/>
      <c r="G25" s="211"/>
      <c r="H25" s="211"/>
      <c r="I25" s="211"/>
      <c r="J25" s="172" t="s">
        <v>563</v>
      </c>
      <c r="K25" s="244"/>
      <c r="L25" s="244"/>
      <c r="M25" s="28"/>
      <c r="N25" s="219"/>
      <c r="O25" s="220"/>
    </row>
    <row r="26" spans="1:16" ht="81.75" customHeight="1">
      <c r="A26" s="258" t="s">
        <v>399</v>
      </c>
      <c r="B26" s="259"/>
      <c r="C26" s="85" t="s">
        <v>407</v>
      </c>
      <c r="D26" s="260" t="s">
        <v>377</v>
      </c>
      <c r="E26" s="260"/>
      <c r="F26" s="260"/>
      <c r="G26" s="260"/>
      <c r="H26" s="260"/>
      <c r="I26" s="260"/>
      <c r="J26" s="260" t="s">
        <v>371</v>
      </c>
      <c r="K26" s="260"/>
      <c r="L26" s="260"/>
      <c r="M26" s="17"/>
      <c r="N26" s="228"/>
      <c r="O26" s="229"/>
    </row>
    <row r="27" spans="1:16" ht="56.25" customHeight="1">
      <c r="A27" s="470" t="s">
        <v>543</v>
      </c>
      <c r="B27" s="471"/>
      <c r="C27" s="76" t="s">
        <v>544</v>
      </c>
      <c r="D27" s="330" t="s">
        <v>545</v>
      </c>
      <c r="E27" s="330"/>
      <c r="F27" s="330"/>
      <c r="G27" s="330"/>
      <c r="H27" s="330"/>
      <c r="I27" s="330"/>
      <c r="J27" s="330" t="s">
        <v>546</v>
      </c>
      <c r="K27" s="330"/>
      <c r="L27" s="330"/>
      <c r="M27" s="122"/>
      <c r="N27" s="254"/>
      <c r="O27" s="255"/>
    </row>
    <row r="28" spans="1:16" ht="15" customHeight="1">
      <c r="A28" s="23" t="s">
        <v>26</v>
      </c>
    </row>
    <row r="29" spans="1:16" ht="10.35" customHeight="1">
      <c r="A29" s="6"/>
    </row>
    <row r="30" spans="1:16" ht="15" customHeight="1">
      <c r="A30" s="13" t="s">
        <v>28</v>
      </c>
    </row>
    <row r="31" spans="1:16" ht="15" customHeight="1">
      <c r="A31" s="12" t="s">
        <v>12</v>
      </c>
      <c r="B31" s="230" t="s">
        <v>6</v>
      </c>
      <c r="C31" s="231"/>
      <c r="D31" s="230" t="s">
        <v>29</v>
      </c>
      <c r="E31" s="232"/>
      <c r="F31" s="232"/>
      <c r="G31" s="232"/>
      <c r="H31" s="232"/>
      <c r="I31" s="231"/>
      <c r="J31" s="230" t="s">
        <v>33</v>
      </c>
      <c r="K31" s="232"/>
      <c r="L31" s="232"/>
      <c r="M31" s="231"/>
      <c r="N31" s="230" t="s">
        <v>14</v>
      </c>
      <c r="O31" s="233"/>
    </row>
    <row r="32" spans="1:16" ht="20.100000000000001" customHeight="1">
      <c r="A32" s="9">
        <v>1</v>
      </c>
      <c r="B32" s="234"/>
      <c r="C32" s="236"/>
      <c r="D32" s="234"/>
      <c r="E32" s="235"/>
      <c r="F32" s="235"/>
      <c r="G32" s="235"/>
      <c r="H32" s="235"/>
      <c r="I32" s="236"/>
      <c r="J32" s="234"/>
      <c r="K32" s="235"/>
      <c r="L32" s="235"/>
      <c r="M32" s="236"/>
      <c r="N32" s="234"/>
      <c r="O32" s="237"/>
    </row>
    <row r="33" spans="1:15" ht="20.100000000000001" customHeight="1">
      <c r="A33" s="14">
        <v>2</v>
      </c>
      <c r="B33" s="222"/>
      <c r="C33" s="223"/>
      <c r="D33" s="222"/>
      <c r="E33" s="224"/>
      <c r="F33" s="224"/>
      <c r="G33" s="224"/>
      <c r="H33" s="224"/>
      <c r="I33" s="223"/>
      <c r="J33" s="222"/>
      <c r="K33" s="224"/>
      <c r="L33" s="224"/>
      <c r="M33" s="223"/>
      <c r="N33" s="222"/>
      <c r="O33" s="225"/>
    </row>
    <row r="34" spans="1:15" ht="10.35" customHeight="1"/>
    <row r="35" spans="1:15" ht="14.1" customHeight="1">
      <c r="A35" s="13" t="s">
        <v>170</v>
      </c>
      <c r="B35" s="39"/>
      <c r="C35" s="39"/>
      <c r="D35" s="39"/>
      <c r="E35" s="39"/>
      <c r="F35" s="39"/>
      <c r="G35" s="39"/>
      <c r="H35" s="39"/>
      <c r="I35" s="39"/>
      <c r="J35" s="39"/>
      <c r="K35" s="39"/>
      <c r="L35" s="39"/>
      <c r="M35" s="39"/>
      <c r="N35" s="39"/>
      <c r="O35" s="39"/>
    </row>
    <row r="36" spans="1:15" ht="14.1" customHeight="1">
      <c r="A36" s="41" t="s">
        <v>252</v>
      </c>
      <c r="B36" s="1" t="s">
        <v>171</v>
      </c>
      <c r="L36" s="39"/>
      <c r="M36" s="39"/>
      <c r="N36" s="39"/>
      <c r="O36" s="39"/>
    </row>
    <row r="37" spans="1:15" ht="14.1" customHeight="1">
      <c r="A37" s="40" t="s">
        <v>253</v>
      </c>
      <c r="B37" s="253" t="s">
        <v>372</v>
      </c>
      <c r="C37" s="253"/>
      <c r="D37" s="253"/>
      <c r="E37" s="253"/>
      <c r="F37" s="253"/>
      <c r="G37" s="253"/>
      <c r="H37" s="253"/>
      <c r="I37" s="253"/>
      <c r="J37" s="253"/>
      <c r="K37" s="253"/>
      <c r="L37" s="253"/>
      <c r="M37" s="253"/>
      <c r="N37" s="253"/>
      <c r="O37" s="253"/>
    </row>
    <row r="38" spans="1:15" ht="14.1" customHeight="1">
      <c r="A38" s="38" t="s">
        <v>253</v>
      </c>
      <c r="B38" s="253" t="s">
        <v>373</v>
      </c>
      <c r="C38" s="253"/>
      <c r="D38" s="253"/>
      <c r="E38" s="253"/>
      <c r="F38" s="253"/>
      <c r="G38" s="253"/>
      <c r="H38" s="253"/>
      <c r="I38" s="253"/>
      <c r="J38" s="253"/>
      <c r="K38" s="253"/>
      <c r="L38" s="253"/>
      <c r="M38" s="253"/>
      <c r="N38" s="253"/>
      <c r="O38" s="253"/>
    </row>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row r="51" ht="15" customHeight="1"/>
  </sheetData>
  <mergeCells count="66">
    <mergeCell ref="N27:O27"/>
    <mergeCell ref="A23:B25"/>
    <mergeCell ref="A26:B26"/>
    <mergeCell ref="D26:I26"/>
    <mergeCell ref="J26:L26"/>
    <mergeCell ref="N26:O26"/>
    <mergeCell ref="B37:O37"/>
    <mergeCell ref="B38:O38"/>
    <mergeCell ref="B32:C32"/>
    <mergeCell ref="D32:I32"/>
    <mergeCell ref="J32:M32"/>
    <mergeCell ref="N32:O32"/>
    <mergeCell ref="B33:C33"/>
    <mergeCell ref="D33:I33"/>
    <mergeCell ref="J33:M33"/>
    <mergeCell ref="N33:O33"/>
    <mergeCell ref="B31:C31"/>
    <mergeCell ref="D31:I31"/>
    <mergeCell ref="J31:M31"/>
    <mergeCell ref="N31:O31"/>
    <mergeCell ref="J23:L23"/>
    <mergeCell ref="N23:O23"/>
    <mergeCell ref="D24:I24"/>
    <mergeCell ref="J24:L24"/>
    <mergeCell ref="N24:O24"/>
    <mergeCell ref="D25:I25"/>
    <mergeCell ref="J25:L25"/>
    <mergeCell ref="D23:I23"/>
    <mergeCell ref="N25:O25"/>
    <mergeCell ref="A27:B27"/>
    <mergeCell ref="D27:I27"/>
    <mergeCell ref="J27:L27"/>
    <mergeCell ref="N21:O21"/>
    <mergeCell ref="A22:B22"/>
    <mergeCell ref="D22:I22"/>
    <mergeCell ref="J22:L22"/>
    <mergeCell ref="N22:O22"/>
    <mergeCell ref="A21:B21"/>
    <mergeCell ref="D21:I21"/>
    <mergeCell ref="J21:L21"/>
    <mergeCell ref="N19:O19"/>
    <mergeCell ref="A20:B20"/>
    <mergeCell ref="D20:I20"/>
    <mergeCell ref="J20:L20"/>
    <mergeCell ref="N20:O20"/>
    <mergeCell ref="A19:B19"/>
    <mergeCell ref="D19:I19"/>
    <mergeCell ref="J19:L19"/>
    <mergeCell ref="N17:O17"/>
    <mergeCell ref="A18:B18"/>
    <mergeCell ref="D18:I18"/>
    <mergeCell ref="J18:L18"/>
    <mergeCell ref="N18:O18"/>
    <mergeCell ref="A17:B17"/>
    <mergeCell ref="D17:I17"/>
    <mergeCell ref="J17:L17"/>
    <mergeCell ref="N16:O16"/>
    <mergeCell ref="A1:B1"/>
    <mergeCell ref="D1:L1"/>
    <mergeCell ref="M1:O1"/>
    <mergeCell ref="A8:C10"/>
    <mergeCell ref="D8:O10"/>
    <mergeCell ref="A12:O14"/>
    <mergeCell ref="A16:B16"/>
    <mergeCell ref="D16:I16"/>
    <mergeCell ref="J16:L16"/>
  </mergeCells>
  <phoneticPr fontId="2"/>
  <dataValidations count="1">
    <dataValidation type="list" allowBlank="1" showInputMessage="1" showErrorMessage="1" sqref="M17:M2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74" orientation="portrait" r:id="rId1"/>
  <headerFooter>
    <oddHeader>&amp;R&amp;"HG丸ｺﾞｼｯｸM-PRO,標準"&amp;8標準的チェックリスト（&amp;A）</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48"/>
  <sheetViews>
    <sheetView showGridLines="0" view="pageBreakPreview" zoomScale="120" zoomScaleNormal="120" zoomScaleSheetLayoutView="120" workbookViewId="0">
      <selection activeCell="D24" sqref="D24:I24"/>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49</v>
      </c>
      <c r="B8" s="177"/>
      <c r="C8" s="178"/>
      <c r="D8" s="185" t="s">
        <v>367</v>
      </c>
      <c r="E8" s="261"/>
      <c r="F8" s="261"/>
      <c r="G8" s="261"/>
      <c r="H8" s="261"/>
      <c r="I8" s="261"/>
      <c r="J8" s="261"/>
      <c r="K8" s="261"/>
      <c r="L8" s="261"/>
      <c r="M8" s="261"/>
      <c r="N8" s="261"/>
      <c r="O8" s="262"/>
    </row>
    <row r="9" spans="1:20" ht="15" customHeight="1">
      <c r="A9" s="179"/>
      <c r="B9" s="180"/>
      <c r="C9" s="181"/>
      <c r="D9" s="263"/>
      <c r="E9" s="264"/>
      <c r="F9" s="264"/>
      <c r="G9" s="264"/>
      <c r="H9" s="264"/>
      <c r="I9" s="264"/>
      <c r="J9" s="264"/>
      <c r="K9" s="264"/>
      <c r="L9" s="264"/>
      <c r="M9" s="264"/>
      <c r="N9" s="264"/>
      <c r="O9" s="265"/>
    </row>
    <row r="10" spans="1:20" ht="15" customHeight="1">
      <c r="A10" s="182"/>
      <c r="B10" s="183"/>
      <c r="C10" s="184"/>
      <c r="D10" s="266"/>
      <c r="E10" s="267"/>
      <c r="F10" s="267"/>
      <c r="G10" s="267"/>
      <c r="H10" s="267"/>
      <c r="I10" s="267"/>
      <c r="J10" s="267"/>
      <c r="K10" s="267"/>
      <c r="L10" s="267"/>
      <c r="M10" s="267"/>
      <c r="N10" s="267"/>
      <c r="O10" s="268"/>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90.75" customHeight="1">
      <c r="A17" s="214" t="s">
        <v>50</v>
      </c>
      <c r="B17" s="215"/>
      <c r="C17" s="66" t="s">
        <v>386</v>
      </c>
      <c r="D17" s="269" t="s">
        <v>410</v>
      </c>
      <c r="E17" s="216"/>
      <c r="F17" s="216"/>
      <c r="G17" s="216"/>
      <c r="H17" s="216"/>
      <c r="I17" s="216"/>
      <c r="J17" s="170" t="s">
        <v>36</v>
      </c>
      <c r="K17" s="170"/>
      <c r="L17" s="170"/>
      <c r="M17" s="91"/>
      <c r="N17" s="170"/>
      <c r="O17" s="171"/>
    </row>
    <row r="18" spans="1:15" ht="50.1" customHeight="1">
      <c r="A18" s="212"/>
      <c r="B18" s="213"/>
      <c r="C18" s="51" t="s">
        <v>387</v>
      </c>
      <c r="D18" s="270" t="s">
        <v>411</v>
      </c>
      <c r="E18" s="211"/>
      <c r="F18" s="211"/>
      <c r="G18" s="211"/>
      <c r="H18" s="211"/>
      <c r="I18" s="211"/>
      <c r="J18" s="172" t="s">
        <v>37</v>
      </c>
      <c r="K18" s="172"/>
      <c r="L18" s="172"/>
      <c r="M18" s="89"/>
      <c r="N18" s="172"/>
      <c r="O18" s="173"/>
    </row>
    <row r="19" spans="1:15" ht="50.1" customHeight="1">
      <c r="A19" s="212"/>
      <c r="B19" s="213"/>
      <c r="C19" s="19" t="s">
        <v>317</v>
      </c>
      <c r="D19" s="211" t="s">
        <v>412</v>
      </c>
      <c r="E19" s="211"/>
      <c r="F19" s="211"/>
      <c r="G19" s="211"/>
      <c r="H19" s="211"/>
      <c r="I19" s="211"/>
      <c r="J19" s="172" t="s">
        <v>51</v>
      </c>
      <c r="K19" s="172"/>
      <c r="L19" s="172"/>
      <c r="M19" s="28"/>
      <c r="N19" s="172"/>
      <c r="O19" s="173"/>
    </row>
    <row r="20" spans="1:15" ht="50.1" customHeight="1">
      <c r="A20" s="212"/>
      <c r="B20" s="213"/>
      <c r="C20" s="19" t="s">
        <v>220</v>
      </c>
      <c r="D20" s="211" t="s">
        <v>59</v>
      </c>
      <c r="E20" s="211"/>
      <c r="F20" s="211"/>
      <c r="G20" s="211"/>
      <c r="H20" s="211"/>
      <c r="I20" s="211"/>
      <c r="J20" s="172" t="s">
        <v>53</v>
      </c>
      <c r="K20" s="172"/>
      <c r="L20" s="172"/>
      <c r="M20" s="28"/>
      <c r="N20" s="172"/>
      <c r="O20" s="173"/>
    </row>
    <row r="21" spans="1:15" ht="69" customHeight="1">
      <c r="A21" s="212"/>
      <c r="B21" s="213"/>
      <c r="C21" s="19" t="s">
        <v>318</v>
      </c>
      <c r="D21" s="270" t="s">
        <v>413</v>
      </c>
      <c r="E21" s="211"/>
      <c r="F21" s="211"/>
      <c r="G21" s="211"/>
      <c r="H21" s="211"/>
      <c r="I21" s="211"/>
      <c r="J21" s="172" t="s">
        <v>55</v>
      </c>
      <c r="K21" s="172"/>
      <c r="L21" s="172"/>
      <c r="M21" s="28"/>
      <c r="N21" s="172"/>
      <c r="O21" s="173"/>
    </row>
    <row r="22" spans="1:15" ht="60" customHeight="1">
      <c r="A22" s="212"/>
      <c r="B22" s="213"/>
      <c r="C22" s="19" t="s">
        <v>319</v>
      </c>
      <c r="D22" s="270" t="s">
        <v>537</v>
      </c>
      <c r="E22" s="211"/>
      <c r="F22" s="211"/>
      <c r="G22" s="211"/>
      <c r="H22" s="211"/>
      <c r="I22" s="211"/>
      <c r="J22" s="211" t="s">
        <v>538</v>
      </c>
      <c r="K22" s="211"/>
      <c r="L22" s="211"/>
      <c r="M22" s="28"/>
      <c r="N22" s="172"/>
      <c r="O22" s="173"/>
    </row>
    <row r="23" spans="1:15" ht="41.25" customHeight="1">
      <c r="A23" s="212" t="s">
        <v>27</v>
      </c>
      <c r="B23" s="213"/>
      <c r="C23" s="19" t="s">
        <v>20</v>
      </c>
      <c r="D23" s="211" t="s">
        <v>539</v>
      </c>
      <c r="E23" s="211"/>
      <c r="F23" s="211"/>
      <c r="G23" s="211"/>
      <c r="H23" s="211"/>
      <c r="I23" s="211"/>
      <c r="J23" s="211" t="s">
        <v>540</v>
      </c>
      <c r="K23" s="211"/>
      <c r="L23" s="211"/>
      <c r="M23" s="28"/>
      <c r="N23" s="172"/>
      <c r="O23" s="173"/>
    </row>
    <row r="24" spans="1:15" ht="50.1" customHeight="1">
      <c r="A24" s="212"/>
      <c r="B24" s="213"/>
      <c r="C24" s="19" t="s">
        <v>197</v>
      </c>
      <c r="D24" s="172" t="s">
        <v>201</v>
      </c>
      <c r="E24" s="172"/>
      <c r="F24" s="172"/>
      <c r="G24" s="172"/>
      <c r="H24" s="172"/>
      <c r="I24" s="172"/>
      <c r="J24" s="172" t="s">
        <v>536</v>
      </c>
      <c r="K24" s="172"/>
      <c r="L24" s="172"/>
      <c r="M24" s="28"/>
      <c r="N24" s="172"/>
      <c r="O24" s="173"/>
    </row>
    <row r="25" spans="1:15" ht="50.1" customHeight="1">
      <c r="A25" s="212"/>
      <c r="B25" s="213"/>
      <c r="C25" s="19" t="s">
        <v>22</v>
      </c>
      <c r="D25" s="172" t="s">
        <v>553</v>
      </c>
      <c r="E25" s="244"/>
      <c r="F25" s="244"/>
      <c r="G25" s="244"/>
      <c r="H25" s="244"/>
      <c r="I25" s="244"/>
      <c r="J25" s="172" t="s">
        <v>200</v>
      </c>
      <c r="K25" s="172"/>
      <c r="L25" s="172"/>
      <c r="M25" s="28"/>
      <c r="N25" s="172"/>
      <c r="O25" s="173"/>
    </row>
    <row r="26" spans="1:15" ht="50.1" customHeight="1">
      <c r="A26" s="226"/>
      <c r="B26" s="227"/>
      <c r="C26" s="20" t="s">
        <v>320</v>
      </c>
      <c r="D26" s="228" t="s">
        <v>75</v>
      </c>
      <c r="E26" s="271"/>
      <c r="F26" s="271"/>
      <c r="G26" s="271"/>
      <c r="H26" s="271"/>
      <c r="I26" s="271"/>
      <c r="J26" s="228" t="s">
        <v>25</v>
      </c>
      <c r="K26" s="228"/>
      <c r="L26" s="228"/>
      <c r="M26" s="17"/>
      <c r="N26" s="228"/>
      <c r="O26" s="229"/>
    </row>
    <row r="27" spans="1:15" ht="15" customHeight="1">
      <c r="A27" s="23" t="s">
        <v>26</v>
      </c>
    </row>
    <row r="28" spans="1:15" ht="15" customHeight="1">
      <c r="A28" s="13" t="s">
        <v>28</v>
      </c>
    </row>
    <row r="29" spans="1:15" ht="15" customHeight="1">
      <c r="A29" s="12" t="s">
        <v>12</v>
      </c>
      <c r="B29" s="230" t="s">
        <v>6</v>
      </c>
      <c r="C29" s="231"/>
      <c r="D29" s="230" t="s">
        <v>29</v>
      </c>
      <c r="E29" s="232"/>
      <c r="F29" s="232"/>
      <c r="G29" s="232"/>
      <c r="H29" s="232"/>
      <c r="I29" s="231"/>
      <c r="J29" s="230" t="s">
        <v>33</v>
      </c>
      <c r="K29" s="232"/>
      <c r="L29" s="232"/>
      <c r="M29" s="231"/>
      <c r="N29" s="230" t="s">
        <v>14</v>
      </c>
      <c r="O29" s="233"/>
    </row>
    <row r="30" spans="1:15" ht="20.100000000000001" customHeight="1">
      <c r="A30" s="9">
        <v>1</v>
      </c>
      <c r="B30" s="234"/>
      <c r="C30" s="236"/>
      <c r="D30" s="234"/>
      <c r="E30" s="235"/>
      <c r="F30" s="235"/>
      <c r="G30" s="235"/>
      <c r="H30" s="235"/>
      <c r="I30" s="236"/>
      <c r="J30" s="234"/>
      <c r="K30" s="235"/>
      <c r="L30" s="235"/>
      <c r="M30" s="236"/>
      <c r="N30" s="234"/>
      <c r="O30" s="237"/>
    </row>
    <row r="31" spans="1:15" ht="20.100000000000001" customHeight="1">
      <c r="A31" s="14">
        <v>2</v>
      </c>
      <c r="B31" s="222"/>
      <c r="C31" s="223"/>
      <c r="D31" s="222"/>
      <c r="E31" s="224"/>
      <c r="F31" s="224"/>
      <c r="G31" s="224"/>
      <c r="H31" s="224"/>
      <c r="I31" s="223"/>
      <c r="J31" s="222"/>
      <c r="K31" s="224"/>
      <c r="L31" s="224"/>
      <c r="M31" s="223"/>
      <c r="N31" s="222"/>
      <c r="O31" s="225"/>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62">
    <mergeCell ref="B31:C31"/>
    <mergeCell ref="D31:I31"/>
    <mergeCell ref="J31:M31"/>
    <mergeCell ref="N31:O31"/>
    <mergeCell ref="B29:C29"/>
    <mergeCell ref="D29:I29"/>
    <mergeCell ref="J29:M29"/>
    <mergeCell ref="N29:O29"/>
    <mergeCell ref="B30:C30"/>
    <mergeCell ref="D30:I30"/>
    <mergeCell ref="J30:M30"/>
    <mergeCell ref="N30:O30"/>
    <mergeCell ref="A25:B25"/>
    <mergeCell ref="D25:I25"/>
    <mergeCell ref="J25:L25"/>
    <mergeCell ref="N25:O25"/>
    <mergeCell ref="A26:B26"/>
    <mergeCell ref="D26:I26"/>
    <mergeCell ref="J26:L26"/>
    <mergeCell ref="N26:O26"/>
    <mergeCell ref="A23:B23"/>
    <mergeCell ref="D23:I23"/>
    <mergeCell ref="J23:L23"/>
    <mergeCell ref="N23:O23"/>
    <mergeCell ref="A24:B24"/>
    <mergeCell ref="D24:I24"/>
    <mergeCell ref="J24:L24"/>
    <mergeCell ref="N24:O24"/>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6">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3" orientation="portrait" r:id="rId1"/>
  <headerFooter>
    <oddHeader>&amp;R&amp;"HG丸ｺﾞｼｯｸM-PRO,標準"&amp;8標準的チェックリスト（&amp;A）</oddHead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T47"/>
  <sheetViews>
    <sheetView showGridLines="0" view="pageBreakPreview" zoomScale="115" zoomScaleNormal="120" zoomScaleSheetLayoutView="115" workbookViewId="0">
      <selection activeCell="M1" sqref="M1:O1"/>
    </sheetView>
  </sheetViews>
  <sheetFormatPr defaultColWidth="9" defaultRowHeight="11.25"/>
  <cols>
    <col min="1" max="14" width="5.625" style="52" customWidth="1"/>
    <col min="15" max="15" width="6.5" style="52" customWidth="1"/>
    <col min="16" max="20" width="5.625" style="52" customWidth="1"/>
    <col min="21" max="16384" width="9" style="52"/>
  </cols>
  <sheetData>
    <row r="1" spans="1:20" ht="20.100000000000001" customHeight="1">
      <c r="A1" s="299" t="s">
        <v>0</v>
      </c>
      <c r="B1" s="300"/>
      <c r="C1" s="55"/>
      <c r="D1" s="210" t="s">
        <v>384</v>
      </c>
      <c r="E1" s="210"/>
      <c r="F1" s="210"/>
      <c r="G1" s="210"/>
      <c r="H1" s="210"/>
      <c r="I1" s="210"/>
      <c r="J1" s="210"/>
      <c r="K1" s="210"/>
      <c r="L1" s="210"/>
      <c r="M1" s="209" t="s">
        <v>551</v>
      </c>
      <c r="N1" s="209"/>
      <c r="O1" s="209"/>
    </row>
    <row r="2" spans="1:20" ht="15" customHeight="1">
      <c r="A2" s="55"/>
      <c r="B2" s="55"/>
      <c r="C2" s="55"/>
      <c r="D2" s="55"/>
      <c r="E2" s="55"/>
      <c r="F2" s="55"/>
      <c r="G2" s="55"/>
      <c r="H2" s="55"/>
      <c r="I2" s="55"/>
      <c r="J2" s="55"/>
      <c r="K2" s="55"/>
      <c r="L2" s="56"/>
      <c r="M2" s="56"/>
      <c r="N2" s="56"/>
      <c r="O2" s="55"/>
    </row>
    <row r="3" spans="1:20" ht="15" customHeight="1">
      <c r="A3" s="55"/>
      <c r="B3" s="55"/>
      <c r="C3" s="55"/>
      <c r="D3" s="55"/>
      <c r="E3" s="55"/>
      <c r="F3" s="55"/>
      <c r="G3" s="55"/>
      <c r="H3" s="55"/>
      <c r="I3" s="55"/>
      <c r="J3" s="57" t="s">
        <v>1</v>
      </c>
      <c r="K3" s="58"/>
      <c r="L3" s="59"/>
      <c r="M3" s="59"/>
      <c r="N3" s="59"/>
      <c r="O3" s="60"/>
    </row>
    <row r="4" spans="1:20" ht="15" customHeight="1">
      <c r="A4" s="55"/>
      <c r="B4" s="55"/>
      <c r="C4" s="55"/>
      <c r="D4" s="55"/>
      <c r="E4" s="55"/>
      <c r="F4" s="55"/>
      <c r="G4" s="55"/>
      <c r="H4" s="55"/>
      <c r="I4" s="55"/>
      <c r="J4" s="57" t="s">
        <v>13</v>
      </c>
      <c r="K4" s="58"/>
      <c r="L4" s="59"/>
      <c r="M4" s="59"/>
      <c r="N4" s="59"/>
      <c r="O4" s="60"/>
    </row>
    <row r="5" spans="1:20" ht="15" customHeight="1">
      <c r="A5" s="55"/>
      <c r="B5" s="55"/>
      <c r="C5" s="55"/>
      <c r="D5" s="55"/>
      <c r="E5" s="55"/>
      <c r="F5" s="55"/>
      <c r="G5" s="55"/>
      <c r="H5" s="55"/>
      <c r="I5" s="55"/>
      <c r="J5" s="57" t="s">
        <v>2</v>
      </c>
      <c r="K5" s="58"/>
      <c r="L5" s="59"/>
      <c r="M5" s="61" t="s">
        <v>3</v>
      </c>
      <c r="N5" s="59"/>
      <c r="O5" s="60"/>
    </row>
    <row r="6" spans="1:20" ht="15" customHeight="1">
      <c r="A6" s="55"/>
      <c r="B6" s="55"/>
      <c r="C6" s="55"/>
      <c r="D6" s="55"/>
      <c r="E6" s="55"/>
      <c r="F6" s="55"/>
      <c r="G6" s="55"/>
      <c r="H6" s="55"/>
      <c r="I6" s="55"/>
      <c r="J6" s="55"/>
      <c r="K6" s="55"/>
      <c r="L6" s="55"/>
      <c r="M6" s="55"/>
      <c r="N6" s="55"/>
      <c r="O6" s="55"/>
    </row>
    <row r="7" spans="1:20" ht="15" customHeight="1">
      <c r="A7" s="62" t="s">
        <v>5</v>
      </c>
      <c r="B7" s="55"/>
      <c r="C7" s="55"/>
      <c r="D7" s="55"/>
      <c r="E7" s="55"/>
      <c r="F7" s="55"/>
      <c r="G7" s="55"/>
      <c r="H7" s="55"/>
      <c r="I7" s="55"/>
      <c r="J7" s="55"/>
      <c r="K7" s="55"/>
      <c r="L7" s="55"/>
      <c r="M7" s="55"/>
      <c r="N7" s="55"/>
      <c r="O7" s="55"/>
    </row>
    <row r="8" spans="1:20" ht="15" customHeight="1">
      <c r="A8" s="301" t="s">
        <v>490</v>
      </c>
      <c r="B8" s="302"/>
      <c r="C8" s="303"/>
      <c r="D8" s="310" t="s">
        <v>517</v>
      </c>
      <c r="E8" s="311"/>
      <c r="F8" s="311"/>
      <c r="G8" s="311"/>
      <c r="H8" s="311"/>
      <c r="I8" s="311"/>
      <c r="J8" s="311"/>
      <c r="K8" s="311"/>
      <c r="L8" s="311"/>
      <c r="M8" s="311"/>
      <c r="N8" s="311"/>
      <c r="O8" s="312"/>
    </row>
    <row r="9" spans="1:20" ht="15" customHeight="1">
      <c r="A9" s="304"/>
      <c r="B9" s="305"/>
      <c r="C9" s="306"/>
      <c r="D9" s="313"/>
      <c r="E9" s="314"/>
      <c r="F9" s="314"/>
      <c r="G9" s="314"/>
      <c r="H9" s="314"/>
      <c r="I9" s="314"/>
      <c r="J9" s="314"/>
      <c r="K9" s="314"/>
      <c r="L9" s="314"/>
      <c r="M9" s="314"/>
      <c r="N9" s="314"/>
      <c r="O9" s="315"/>
    </row>
    <row r="10" spans="1:20" ht="15" customHeight="1">
      <c r="A10" s="307"/>
      <c r="B10" s="308"/>
      <c r="C10" s="309"/>
      <c r="D10" s="316"/>
      <c r="E10" s="317"/>
      <c r="F10" s="317"/>
      <c r="G10" s="317"/>
      <c r="H10" s="317"/>
      <c r="I10" s="317"/>
      <c r="J10" s="317"/>
      <c r="K10" s="317"/>
      <c r="L10" s="317"/>
      <c r="M10" s="317"/>
      <c r="N10" s="317"/>
      <c r="O10" s="318"/>
    </row>
    <row r="11" spans="1:20" ht="15" customHeight="1">
      <c r="A11" s="62" t="s">
        <v>368</v>
      </c>
      <c r="B11" s="55"/>
      <c r="C11" s="55"/>
      <c r="D11" s="55"/>
      <c r="E11" s="55"/>
      <c r="F11" s="55"/>
      <c r="G11" s="55"/>
      <c r="H11" s="55"/>
      <c r="I11" s="55"/>
      <c r="J11" s="55"/>
      <c r="K11" s="55"/>
      <c r="L11" s="55"/>
      <c r="M11" s="55"/>
      <c r="N11" s="55"/>
      <c r="O11" s="55"/>
    </row>
    <row r="12" spans="1:20" ht="15" customHeight="1">
      <c r="A12" s="290"/>
      <c r="B12" s="291"/>
      <c r="C12" s="291"/>
      <c r="D12" s="291"/>
      <c r="E12" s="291"/>
      <c r="F12" s="291"/>
      <c r="G12" s="291"/>
      <c r="H12" s="291"/>
      <c r="I12" s="291"/>
      <c r="J12" s="291"/>
      <c r="K12" s="291"/>
      <c r="L12" s="291"/>
      <c r="M12" s="291"/>
      <c r="N12" s="291"/>
      <c r="O12" s="292"/>
    </row>
    <row r="13" spans="1:20" ht="15" customHeight="1">
      <c r="A13" s="293"/>
      <c r="B13" s="294"/>
      <c r="C13" s="294"/>
      <c r="D13" s="294"/>
      <c r="E13" s="294"/>
      <c r="F13" s="294"/>
      <c r="G13" s="294"/>
      <c r="H13" s="294"/>
      <c r="I13" s="294"/>
      <c r="J13" s="294"/>
      <c r="K13" s="294"/>
      <c r="L13" s="294"/>
      <c r="M13" s="294"/>
      <c r="N13" s="294"/>
      <c r="O13" s="295"/>
    </row>
    <row r="14" spans="1:20" ht="15" customHeight="1">
      <c r="A14" s="296"/>
      <c r="B14" s="297"/>
      <c r="C14" s="297"/>
      <c r="D14" s="297"/>
      <c r="E14" s="297"/>
      <c r="F14" s="297"/>
      <c r="G14" s="297"/>
      <c r="H14" s="297"/>
      <c r="I14" s="297"/>
      <c r="J14" s="297"/>
      <c r="K14" s="297"/>
      <c r="L14" s="297"/>
      <c r="M14" s="297"/>
      <c r="N14" s="297"/>
      <c r="O14" s="298"/>
    </row>
    <row r="15" spans="1:20" ht="15" customHeight="1">
      <c r="A15" s="62" t="s">
        <v>16</v>
      </c>
      <c r="B15" s="55"/>
      <c r="C15" s="55"/>
      <c r="D15" s="55"/>
      <c r="E15" s="55"/>
      <c r="F15" s="63"/>
      <c r="G15" s="55"/>
      <c r="H15" s="55"/>
      <c r="I15" s="63"/>
      <c r="J15" s="63" t="s">
        <v>11</v>
      </c>
      <c r="K15" s="55"/>
      <c r="L15" s="55"/>
      <c r="M15" s="55"/>
      <c r="N15" s="55"/>
      <c r="O15" s="55"/>
    </row>
    <row r="16" spans="1:20" ht="15" customHeight="1">
      <c r="A16" s="319" t="s">
        <v>6</v>
      </c>
      <c r="B16" s="320"/>
      <c r="C16" s="98" t="s">
        <v>7</v>
      </c>
      <c r="D16" s="321" t="s">
        <v>8</v>
      </c>
      <c r="E16" s="322"/>
      <c r="F16" s="322"/>
      <c r="G16" s="322"/>
      <c r="H16" s="322"/>
      <c r="I16" s="320"/>
      <c r="J16" s="321" t="s">
        <v>19</v>
      </c>
      <c r="K16" s="322"/>
      <c r="L16" s="320"/>
      <c r="M16" s="99" t="s">
        <v>9</v>
      </c>
      <c r="N16" s="321" t="s">
        <v>15</v>
      </c>
      <c r="O16" s="323"/>
      <c r="Q16" s="113"/>
      <c r="R16" s="113"/>
      <c r="S16" s="113"/>
      <c r="T16" s="113"/>
    </row>
    <row r="17" spans="1:15" ht="125.45" customHeight="1">
      <c r="A17" s="324" t="s">
        <v>491</v>
      </c>
      <c r="B17" s="325"/>
      <c r="C17" s="66" t="s">
        <v>492</v>
      </c>
      <c r="D17" s="269" t="s">
        <v>493</v>
      </c>
      <c r="E17" s="216"/>
      <c r="F17" s="216"/>
      <c r="G17" s="216"/>
      <c r="H17" s="216"/>
      <c r="I17" s="216"/>
      <c r="J17" s="269" t="s">
        <v>494</v>
      </c>
      <c r="K17" s="269"/>
      <c r="L17" s="269"/>
      <c r="M17" s="104"/>
      <c r="N17" s="269"/>
      <c r="O17" s="326"/>
    </row>
    <row r="18" spans="1:15" ht="60" customHeight="1">
      <c r="A18" s="284" t="s">
        <v>27</v>
      </c>
      <c r="B18" s="285"/>
      <c r="C18" s="51" t="s">
        <v>495</v>
      </c>
      <c r="D18" s="270" t="s">
        <v>496</v>
      </c>
      <c r="E18" s="211"/>
      <c r="F18" s="211"/>
      <c r="G18" s="211"/>
      <c r="H18" s="211"/>
      <c r="I18" s="211"/>
      <c r="J18" s="270" t="s">
        <v>497</v>
      </c>
      <c r="K18" s="270"/>
      <c r="L18" s="270"/>
      <c r="M18" s="103"/>
      <c r="N18" s="270"/>
      <c r="O18" s="286"/>
    </row>
    <row r="19" spans="1:15" ht="50.1" customHeight="1">
      <c r="A19" s="284" t="s">
        <v>498</v>
      </c>
      <c r="B19" s="285"/>
      <c r="C19" s="51" t="s">
        <v>499</v>
      </c>
      <c r="D19" s="211" t="s">
        <v>500</v>
      </c>
      <c r="E19" s="211"/>
      <c r="F19" s="211"/>
      <c r="G19" s="211"/>
      <c r="H19" s="211"/>
      <c r="I19" s="211"/>
      <c r="J19" s="270" t="s">
        <v>501</v>
      </c>
      <c r="K19" s="270"/>
      <c r="L19" s="270"/>
      <c r="M19" s="70"/>
      <c r="N19" s="270"/>
      <c r="O19" s="286"/>
    </row>
    <row r="20" spans="1:15" ht="50.1" customHeight="1">
      <c r="A20" s="284" t="s">
        <v>27</v>
      </c>
      <c r="B20" s="285"/>
      <c r="C20" s="51" t="s">
        <v>495</v>
      </c>
      <c r="D20" s="211" t="s">
        <v>514</v>
      </c>
      <c r="E20" s="211"/>
      <c r="F20" s="211"/>
      <c r="G20" s="211"/>
      <c r="H20" s="211"/>
      <c r="I20" s="211"/>
      <c r="J20" s="270" t="s">
        <v>501</v>
      </c>
      <c r="K20" s="270"/>
      <c r="L20" s="270"/>
      <c r="M20" s="70"/>
      <c r="N20" s="270"/>
      <c r="O20" s="286"/>
    </row>
    <row r="21" spans="1:15" ht="83.45" customHeight="1">
      <c r="A21" s="284" t="s">
        <v>498</v>
      </c>
      <c r="B21" s="285"/>
      <c r="C21" s="51" t="s">
        <v>502</v>
      </c>
      <c r="D21" s="270" t="s">
        <v>503</v>
      </c>
      <c r="E21" s="211"/>
      <c r="F21" s="211"/>
      <c r="G21" s="211"/>
      <c r="H21" s="211"/>
      <c r="I21" s="211"/>
      <c r="J21" s="270" t="s">
        <v>504</v>
      </c>
      <c r="K21" s="270"/>
      <c r="L21" s="270"/>
      <c r="M21" s="70"/>
      <c r="N21" s="270"/>
      <c r="O21" s="286"/>
    </row>
    <row r="22" spans="1:15" ht="60" customHeight="1">
      <c r="A22" s="284" t="s">
        <v>27</v>
      </c>
      <c r="B22" s="285"/>
      <c r="C22" s="51" t="s">
        <v>505</v>
      </c>
      <c r="D22" s="270" t="s">
        <v>518</v>
      </c>
      <c r="E22" s="211"/>
      <c r="F22" s="211"/>
      <c r="G22" s="211"/>
      <c r="H22" s="211"/>
      <c r="I22" s="211"/>
      <c r="J22" s="270" t="s">
        <v>506</v>
      </c>
      <c r="K22" s="270"/>
      <c r="L22" s="270"/>
      <c r="M22" s="70"/>
      <c r="N22" s="270"/>
      <c r="O22" s="286"/>
    </row>
    <row r="23" spans="1:15" ht="40.700000000000003" customHeight="1">
      <c r="A23" s="284" t="s">
        <v>27</v>
      </c>
      <c r="B23" s="285"/>
      <c r="C23" s="51" t="s">
        <v>507</v>
      </c>
      <c r="D23" s="270" t="s">
        <v>508</v>
      </c>
      <c r="E23" s="270"/>
      <c r="F23" s="270"/>
      <c r="G23" s="270"/>
      <c r="H23" s="270"/>
      <c r="I23" s="270"/>
      <c r="J23" s="270" t="s">
        <v>509</v>
      </c>
      <c r="K23" s="270"/>
      <c r="L23" s="270"/>
      <c r="M23" s="70"/>
      <c r="N23" s="270"/>
      <c r="O23" s="286"/>
    </row>
    <row r="24" spans="1:15" ht="49.7" customHeight="1">
      <c r="A24" s="284" t="s">
        <v>27</v>
      </c>
      <c r="B24" s="285"/>
      <c r="C24" s="51" t="s">
        <v>510</v>
      </c>
      <c r="D24" s="270" t="s">
        <v>511</v>
      </c>
      <c r="E24" s="270"/>
      <c r="F24" s="270"/>
      <c r="G24" s="270"/>
      <c r="H24" s="270"/>
      <c r="I24" s="270"/>
      <c r="J24" s="270" t="s">
        <v>512</v>
      </c>
      <c r="K24" s="270"/>
      <c r="L24" s="270"/>
      <c r="M24" s="70"/>
      <c r="N24" s="270"/>
      <c r="O24" s="286"/>
    </row>
    <row r="25" spans="1:15" ht="33.6" customHeight="1">
      <c r="A25" s="287" t="s">
        <v>513</v>
      </c>
      <c r="B25" s="288"/>
      <c r="C25" s="288"/>
      <c r="D25" s="288"/>
      <c r="E25" s="288"/>
      <c r="F25" s="288"/>
      <c r="G25" s="288"/>
      <c r="H25" s="288"/>
      <c r="I25" s="288"/>
      <c r="J25" s="288"/>
      <c r="K25" s="288"/>
      <c r="L25" s="288"/>
      <c r="M25" s="288"/>
      <c r="N25" s="288"/>
      <c r="O25" s="289"/>
    </row>
    <row r="26" spans="1:15" ht="15" customHeight="1">
      <c r="A26" s="71" t="s">
        <v>26</v>
      </c>
      <c r="B26" s="55"/>
      <c r="C26" s="55"/>
      <c r="D26" s="55"/>
      <c r="E26" s="55"/>
      <c r="F26" s="55"/>
      <c r="G26" s="55"/>
      <c r="H26" s="55"/>
      <c r="I26" s="55"/>
      <c r="J26" s="55"/>
      <c r="K26" s="55"/>
      <c r="L26" s="55"/>
      <c r="M26" s="55"/>
      <c r="N26" s="55"/>
      <c r="O26" s="55"/>
    </row>
    <row r="27" spans="1:15" ht="15" customHeight="1">
      <c r="A27" s="62" t="s">
        <v>28</v>
      </c>
      <c r="B27" s="55"/>
      <c r="C27" s="55"/>
      <c r="D27" s="55"/>
      <c r="E27" s="55"/>
      <c r="F27" s="55"/>
      <c r="G27" s="55"/>
      <c r="H27" s="55"/>
      <c r="I27" s="55"/>
      <c r="J27" s="55"/>
      <c r="K27" s="55"/>
      <c r="L27" s="55"/>
      <c r="M27" s="55"/>
      <c r="N27" s="55"/>
      <c r="O27" s="55"/>
    </row>
    <row r="28" spans="1:15" ht="15" customHeight="1">
      <c r="A28" s="73" t="s">
        <v>12</v>
      </c>
      <c r="B28" s="280" t="s">
        <v>6</v>
      </c>
      <c r="C28" s="281"/>
      <c r="D28" s="280" t="s">
        <v>29</v>
      </c>
      <c r="E28" s="282"/>
      <c r="F28" s="282"/>
      <c r="G28" s="282"/>
      <c r="H28" s="282"/>
      <c r="I28" s="281"/>
      <c r="J28" s="280" t="s">
        <v>33</v>
      </c>
      <c r="K28" s="282"/>
      <c r="L28" s="282"/>
      <c r="M28" s="281"/>
      <c r="N28" s="280" t="s">
        <v>14</v>
      </c>
      <c r="O28" s="283"/>
    </row>
    <row r="29" spans="1:15" ht="20.100000000000001" customHeight="1">
      <c r="A29" s="74">
        <v>1</v>
      </c>
      <c r="B29" s="272"/>
      <c r="C29" s="273"/>
      <c r="D29" s="272"/>
      <c r="E29" s="274"/>
      <c r="F29" s="274"/>
      <c r="G29" s="274"/>
      <c r="H29" s="274"/>
      <c r="I29" s="273"/>
      <c r="J29" s="110"/>
      <c r="K29" s="112"/>
      <c r="L29" s="112"/>
      <c r="M29" s="111"/>
      <c r="N29" s="272"/>
      <c r="O29" s="275"/>
    </row>
    <row r="30" spans="1:15" ht="20.100000000000001" customHeight="1">
      <c r="A30" s="75">
        <v>2</v>
      </c>
      <c r="B30" s="276"/>
      <c r="C30" s="277"/>
      <c r="D30" s="276"/>
      <c r="E30" s="278"/>
      <c r="F30" s="278"/>
      <c r="G30" s="278"/>
      <c r="H30" s="278"/>
      <c r="I30" s="277"/>
      <c r="J30" s="107"/>
      <c r="K30" s="109"/>
      <c r="L30" s="109"/>
      <c r="M30" s="108"/>
      <c r="N30" s="276"/>
      <c r="O30" s="279"/>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3">
    <mergeCell ref="J28:M28"/>
    <mergeCell ref="A12:O14"/>
    <mergeCell ref="A1:B1"/>
    <mergeCell ref="D1:L1"/>
    <mergeCell ref="M1:O1"/>
    <mergeCell ref="A8:C10"/>
    <mergeCell ref="D8:O10"/>
    <mergeCell ref="A16:B16"/>
    <mergeCell ref="D16:I16"/>
    <mergeCell ref="J16:L16"/>
    <mergeCell ref="N16:O16"/>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B28:C28"/>
    <mergeCell ref="D28:I28"/>
    <mergeCell ref="N28:O28"/>
    <mergeCell ref="A22:B22"/>
    <mergeCell ref="D22:I22"/>
    <mergeCell ref="J22:L22"/>
    <mergeCell ref="N22:O22"/>
    <mergeCell ref="A23:B23"/>
    <mergeCell ref="D23:I23"/>
    <mergeCell ref="J23:L23"/>
    <mergeCell ref="N23:O23"/>
    <mergeCell ref="A24:B24"/>
    <mergeCell ref="D24:I24"/>
    <mergeCell ref="J24:L24"/>
    <mergeCell ref="N24:O24"/>
    <mergeCell ref="A25:O25"/>
    <mergeCell ref="B29:C29"/>
    <mergeCell ref="D29:I29"/>
    <mergeCell ref="N29:O29"/>
    <mergeCell ref="B30:C30"/>
    <mergeCell ref="D30:I30"/>
    <mergeCell ref="N30:O30"/>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scale="94" orientation="portrait" r:id="rId1"/>
  <headerFooter>
    <oddHeader>&amp;R&amp;"HG丸ｺﾞｼｯｸM-PRO,標準"&amp;8標準的チェックリスト（&amp;A）</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T48"/>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60</v>
      </c>
      <c r="B8" s="177"/>
      <c r="C8" s="178"/>
      <c r="D8" s="185" t="s">
        <v>63</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61</v>
      </c>
      <c r="B17" s="215"/>
      <c r="C17" s="18" t="s">
        <v>229</v>
      </c>
      <c r="D17" s="269" t="s">
        <v>287</v>
      </c>
      <c r="E17" s="269"/>
      <c r="F17" s="269"/>
      <c r="G17" s="269"/>
      <c r="H17" s="269"/>
      <c r="I17" s="269"/>
      <c r="J17" s="269" t="s">
        <v>230</v>
      </c>
      <c r="K17" s="269"/>
      <c r="L17" s="269"/>
      <c r="M17" s="91"/>
      <c r="N17" s="170"/>
      <c r="O17" s="171"/>
    </row>
    <row r="18" spans="1:15" ht="50.1" customHeight="1">
      <c r="A18" s="212" t="s">
        <v>65</v>
      </c>
      <c r="B18" s="213"/>
      <c r="C18" s="19" t="s">
        <v>228</v>
      </c>
      <c r="D18" s="270" t="s">
        <v>231</v>
      </c>
      <c r="E18" s="211"/>
      <c r="F18" s="211"/>
      <c r="G18" s="211"/>
      <c r="H18" s="211"/>
      <c r="I18" s="211"/>
      <c r="J18" s="172" t="s">
        <v>64</v>
      </c>
      <c r="K18" s="172"/>
      <c r="L18" s="172"/>
      <c r="M18" s="89"/>
      <c r="N18" s="172"/>
      <c r="O18" s="173"/>
    </row>
    <row r="19" spans="1:15" ht="50.1" customHeight="1">
      <c r="A19" s="212"/>
      <c r="B19" s="213"/>
      <c r="C19" s="51" t="s">
        <v>232</v>
      </c>
      <c r="D19" s="270" t="s">
        <v>233</v>
      </c>
      <c r="E19" s="211"/>
      <c r="F19" s="211"/>
      <c r="G19" s="211"/>
      <c r="H19" s="211"/>
      <c r="I19" s="211"/>
      <c r="J19" s="270" t="s">
        <v>234</v>
      </c>
      <c r="K19" s="211"/>
      <c r="L19" s="211"/>
      <c r="M19" s="28"/>
      <c r="N19" s="172"/>
      <c r="O19" s="173"/>
    </row>
    <row r="20" spans="1:15" ht="50.1" customHeight="1">
      <c r="A20" s="212"/>
      <c r="B20" s="213"/>
      <c r="C20" s="19" t="s">
        <v>227</v>
      </c>
      <c r="D20" s="172" t="s">
        <v>67</v>
      </c>
      <c r="E20" s="172"/>
      <c r="F20" s="172"/>
      <c r="G20" s="172"/>
      <c r="H20" s="172"/>
      <c r="I20" s="172"/>
      <c r="J20" s="172" t="s">
        <v>81</v>
      </c>
      <c r="K20" s="172"/>
      <c r="L20" s="172"/>
      <c r="M20" s="28"/>
      <c r="N20" s="172"/>
      <c r="O20" s="173"/>
    </row>
    <row r="21" spans="1:15" ht="50.1" customHeight="1">
      <c r="A21" s="212"/>
      <c r="B21" s="213"/>
      <c r="C21" s="19" t="s">
        <v>226</v>
      </c>
      <c r="D21" s="270" t="s">
        <v>235</v>
      </c>
      <c r="E21" s="211"/>
      <c r="F21" s="211"/>
      <c r="G21" s="211"/>
      <c r="H21" s="211"/>
      <c r="I21" s="211"/>
      <c r="J21" s="211" t="s">
        <v>236</v>
      </c>
      <c r="K21" s="211"/>
      <c r="L21" s="211"/>
      <c r="M21" s="28"/>
      <c r="N21" s="172"/>
      <c r="O21" s="173"/>
    </row>
    <row r="22" spans="1:15" ht="60" customHeight="1">
      <c r="A22" s="212"/>
      <c r="B22" s="213"/>
      <c r="C22" s="19" t="s">
        <v>225</v>
      </c>
      <c r="D22" s="270" t="s">
        <v>237</v>
      </c>
      <c r="E22" s="211"/>
      <c r="F22" s="211"/>
      <c r="G22" s="211"/>
      <c r="H22" s="211"/>
      <c r="I22" s="211"/>
      <c r="J22" s="172" t="s">
        <v>57</v>
      </c>
      <c r="K22" s="172"/>
      <c r="L22" s="172"/>
      <c r="M22" s="28"/>
      <c r="N22" s="172"/>
      <c r="O22" s="173"/>
    </row>
    <row r="23" spans="1:15" ht="65.25" customHeight="1">
      <c r="A23" s="212"/>
      <c r="B23" s="213"/>
      <c r="C23" s="51" t="s">
        <v>238</v>
      </c>
      <c r="D23" s="270" t="s">
        <v>239</v>
      </c>
      <c r="E23" s="211"/>
      <c r="F23" s="211"/>
      <c r="G23" s="211"/>
      <c r="H23" s="211"/>
      <c r="I23" s="211"/>
      <c r="J23" s="172" t="s">
        <v>68</v>
      </c>
      <c r="K23" s="172"/>
      <c r="L23" s="172"/>
      <c r="M23" s="28"/>
      <c r="N23" s="172"/>
      <c r="O23" s="173"/>
    </row>
    <row r="24" spans="1:15" ht="59.25" customHeight="1">
      <c r="A24" s="212" t="s">
        <v>138</v>
      </c>
      <c r="B24" s="213"/>
      <c r="C24" s="19" t="s">
        <v>224</v>
      </c>
      <c r="D24" s="270" t="s">
        <v>240</v>
      </c>
      <c r="E24" s="211"/>
      <c r="F24" s="211"/>
      <c r="G24" s="211"/>
      <c r="H24" s="211"/>
      <c r="I24" s="211"/>
      <c r="J24" s="172"/>
      <c r="K24" s="172"/>
      <c r="L24" s="172"/>
      <c r="M24" s="28"/>
      <c r="N24" s="172"/>
      <c r="O24" s="173"/>
    </row>
    <row r="25" spans="1:15" ht="50.1" customHeight="1">
      <c r="A25" s="226"/>
      <c r="B25" s="227"/>
      <c r="C25" s="20"/>
      <c r="D25" s="228"/>
      <c r="E25" s="228"/>
      <c r="F25" s="228"/>
      <c r="G25" s="228"/>
      <c r="H25" s="228"/>
      <c r="I25" s="228"/>
      <c r="J25" s="228"/>
      <c r="K25" s="228"/>
      <c r="L25" s="228"/>
      <c r="M25" s="17"/>
      <c r="N25" s="228"/>
      <c r="O25" s="229"/>
    </row>
    <row r="26" spans="1:15" ht="15" customHeight="1">
      <c r="A26" s="23" t="s">
        <v>26</v>
      </c>
    </row>
    <row r="27" spans="1:15" ht="15" customHeight="1">
      <c r="A27" s="6"/>
    </row>
    <row r="28" spans="1:15" ht="15" customHeight="1">
      <c r="A28" s="13" t="s">
        <v>28</v>
      </c>
    </row>
    <row r="29" spans="1:15" ht="15" customHeight="1">
      <c r="A29" s="12" t="s">
        <v>12</v>
      </c>
      <c r="B29" s="230" t="s">
        <v>6</v>
      </c>
      <c r="C29" s="231"/>
      <c r="D29" s="230" t="s">
        <v>29</v>
      </c>
      <c r="E29" s="232"/>
      <c r="F29" s="232"/>
      <c r="G29" s="232"/>
      <c r="H29" s="232"/>
      <c r="I29" s="231"/>
      <c r="J29" s="230" t="s">
        <v>33</v>
      </c>
      <c r="K29" s="232"/>
      <c r="L29" s="232"/>
      <c r="M29" s="231"/>
      <c r="N29" s="230" t="s">
        <v>14</v>
      </c>
      <c r="O29" s="233"/>
    </row>
    <row r="30" spans="1:15" ht="20.100000000000001" customHeight="1">
      <c r="A30" s="9">
        <v>1</v>
      </c>
      <c r="B30" s="234"/>
      <c r="C30" s="236"/>
      <c r="D30" s="234"/>
      <c r="E30" s="235"/>
      <c r="F30" s="235"/>
      <c r="G30" s="235"/>
      <c r="H30" s="235"/>
      <c r="I30" s="236"/>
      <c r="J30" s="234"/>
      <c r="K30" s="235"/>
      <c r="L30" s="235"/>
      <c r="M30" s="236"/>
      <c r="N30" s="234"/>
      <c r="O30" s="237"/>
    </row>
    <row r="31" spans="1:15" ht="20.100000000000001" customHeight="1">
      <c r="A31" s="14">
        <v>2</v>
      </c>
      <c r="B31" s="222"/>
      <c r="C31" s="223"/>
      <c r="D31" s="222"/>
      <c r="E31" s="224"/>
      <c r="F31" s="224"/>
      <c r="G31" s="224"/>
      <c r="H31" s="224"/>
      <c r="I31" s="223"/>
      <c r="J31" s="222"/>
      <c r="K31" s="224"/>
      <c r="L31" s="224"/>
      <c r="M31" s="223"/>
      <c r="N31" s="222"/>
      <c r="O31" s="225"/>
    </row>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row r="48" ht="15" customHeight="1"/>
  </sheetData>
  <mergeCells count="58">
    <mergeCell ref="B31:C31"/>
    <mergeCell ref="D31:I31"/>
    <mergeCell ref="J31:M31"/>
    <mergeCell ref="N31:O31"/>
    <mergeCell ref="A24:B24"/>
    <mergeCell ref="D24:I24"/>
    <mergeCell ref="J24:L24"/>
    <mergeCell ref="N24:O24"/>
    <mergeCell ref="B29:C29"/>
    <mergeCell ref="D29:I29"/>
    <mergeCell ref="J29:M29"/>
    <mergeCell ref="N29:O29"/>
    <mergeCell ref="B30:C30"/>
    <mergeCell ref="D30:I30"/>
    <mergeCell ref="J30:M30"/>
    <mergeCell ref="N30:O30"/>
    <mergeCell ref="A25:B25"/>
    <mergeCell ref="D25:I25"/>
    <mergeCell ref="J25:L25"/>
    <mergeCell ref="N25:O25"/>
    <mergeCell ref="A23:B23"/>
    <mergeCell ref="D23:I23"/>
    <mergeCell ref="J23:L23"/>
    <mergeCell ref="N23:O23"/>
    <mergeCell ref="A21:B21"/>
    <mergeCell ref="D21:I21"/>
    <mergeCell ref="J21:L21"/>
    <mergeCell ref="N21:O21"/>
    <mergeCell ref="A22:B22"/>
    <mergeCell ref="D22:I22"/>
    <mergeCell ref="J22:L22"/>
    <mergeCell ref="N22:O22"/>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disablePrompts="1" count="1">
    <dataValidation type="list" allowBlank="1" showInputMessage="1" showErrorMessage="1" sqref="M17:M25">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T47"/>
  <sheetViews>
    <sheetView showGridLines="0" view="pageBreakPreview" zoomScale="120" zoomScaleNormal="120" zoomScaleSheetLayoutView="120" workbookViewId="0">
      <selection activeCell="M2" sqref="M2"/>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2</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69</v>
      </c>
      <c r="B8" s="177"/>
      <c r="C8" s="178"/>
      <c r="D8" s="185" t="s">
        <v>515</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50.1" customHeight="1">
      <c r="A17" s="214" t="s">
        <v>70</v>
      </c>
      <c r="B17" s="215"/>
      <c r="C17" s="18" t="s">
        <v>242</v>
      </c>
      <c r="D17" s="170" t="s">
        <v>245</v>
      </c>
      <c r="E17" s="170"/>
      <c r="F17" s="170"/>
      <c r="G17" s="170"/>
      <c r="H17" s="170"/>
      <c r="I17" s="170"/>
      <c r="J17" s="170" t="s">
        <v>243</v>
      </c>
      <c r="K17" s="170"/>
      <c r="L17" s="170"/>
      <c r="M17" s="91"/>
      <c r="N17" s="170"/>
      <c r="O17" s="171"/>
    </row>
    <row r="18" spans="1:15" ht="67.5" customHeight="1">
      <c r="A18" s="212"/>
      <c r="B18" s="213"/>
      <c r="C18" s="51" t="s">
        <v>244</v>
      </c>
      <c r="D18" s="211" t="s">
        <v>478</v>
      </c>
      <c r="E18" s="211"/>
      <c r="F18" s="211"/>
      <c r="G18" s="211"/>
      <c r="H18" s="211"/>
      <c r="I18" s="211"/>
      <c r="J18" s="172" t="s">
        <v>66</v>
      </c>
      <c r="K18" s="172"/>
      <c r="L18" s="172"/>
      <c r="M18" s="89"/>
      <c r="N18" s="172"/>
      <c r="O18" s="173"/>
    </row>
    <row r="19" spans="1:15" ht="65.25" customHeight="1">
      <c r="A19" s="212"/>
      <c r="B19" s="213"/>
      <c r="C19" s="51" t="s">
        <v>479</v>
      </c>
      <c r="D19" s="211" t="s">
        <v>480</v>
      </c>
      <c r="E19" s="211"/>
      <c r="F19" s="211"/>
      <c r="G19" s="211"/>
      <c r="H19" s="211"/>
      <c r="I19" s="211"/>
      <c r="J19" s="172" t="s">
        <v>71</v>
      </c>
      <c r="K19" s="172"/>
      <c r="L19" s="172"/>
      <c r="M19" s="28"/>
      <c r="N19" s="172"/>
      <c r="O19" s="173"/>
    </row>
    <row r="20" spans="1:15" ht="50.1" customHeight="1">
      <c r="A20" s="212"/>
      <c r="B20" s="213"/>
      <c r="C20" s="51" t="s">
        <v>481</v>
      </c>
      <c r="D20" s="211" t="s">
        <v>482</v>
      </c>
      <c r="E20" s="211"/>
      <c r="F20" s="211"/>
      <c r="G20" s="211"/>
      <c r="H20" s="211"/>
      <c r="I20" s="211"/>
      <c r="J20" s="172" t="s">
        <v>72</v>
      </c>
      <c r="K20" s="172"/>
      <c r="L20" s="172"/>
      <c r="M20" s="28"/>
      <c r="N20" s="172"/>
      <c r="O20" s="173"/>
    </row>
    <row r="21" spans="1:15" ht="50.1" customHeight="1">
      <c r="A21" s="212"/>
      <c r="B21" s="213"/>
      <c r="C21" s="51" t="s">
        <v>483</v>
      </c>
      <c r="D21" s="211" t="s">
        <v>484</v>
      </c>
      <c r="E21" s="211"/>
      <c r="F21" s="211"/>
      <c r="G21" s="211"/>
      <c r="H21" s="211"/>
      <c r="I21" s="211"/>
      <c r="J21" s="172" t="s">
        <v>73</v>
      </c>
      <c r="K21" s="172"/>
      <c r="L21" s="172"/>
      <c r="M21" s="28"/>
      <c r="N21" s="172"/>
      <c r="O21" s="173"/>
    </row>
    <row r="22" spans="1:15" ht="50.1" customHeight="1">
      <c r="A22" s="212"/>
      <c r="B22" s="213"/>
      <c r="C22" s="51" t="s">
        <v>219</v>
      </c>
      <c r="D22" s="211" t="s">
        <v>76</v>
      </c>
      <c r="E22" s="211"/>
      <c r="F22" s="211"/>
      <c r="G22" s="211"/>
      <c r="H22" s="211"/>
      <c r="I22" s="211"/>
      <c r="J22" s="172" t="s">
        <v>77</v>
      </c>
      <c r="K22" s="172"/>
      <c r="L22" s="172"/>
      <c r="M22" s="28"/>
      <c r="N22" s="172"/>
      <c r="O22" s="173"/>
    </row>
    <row r="23" spans="1:15" ht="96.75" customHeight="1">
      <c r="A23" s="212"/>
      <c r="B23" s="213"/>
      <c r="C23" s="67" t="s">
        <v>485</v>
      </c>
      <c r="D23" s="211" t="s">
        <v>382</v>
      </c>
      <c r="E23" s="211"/>
      <c r="F23" s="211"/>
      <c r="G23" s="211"/>
      <c r="H23" s="211"/>
      <c r="I23" s="211"/>
      <c r="J23" s="211" t="s">
        <v>383</v>
      </c>
      <c r="K23" s="211"/>
      <c r="L23" s="211"/>
      <c r="M23" s="28"/>
      <c r="N23" s="172"/>
      <c r="O23" s="173"/>
    </row>
    <row r="24" spans="1:15" ht="50.1" customHeight="1">
      <c r="A24" s="226"/>
      <c r="B24" s="227"/>
      <c r="C24" s="20"/>
      <c r="D24" s="228"/>
      <c r="E24" s="228"/>
      <c r="F24" s="228"/>
      <c r="G24" s="228"/>
      <c r="H24" s="228"/>
      <c r="I24" s="228"/>
      <c r="J24" s="228"/>
      <c r="K24" s="228"/>
      <c r="L24" s="228"/>
      <c r="M24" s="17"/>
      <c r="N24" s="228"/>
      <c r="O24" s="229"/>
    </row>
    <row r="25" spans="1:15" ht="15" customHeight="1">
      <c r="A25" s="23" t="s">
        <v>26</v>
      </c>
    </row>
    <row r="26" spans="1:15" ht="15" customHeight="1">
      <c r="A26" s="6"/>
    </row>
    <row r="27" spans="1:15" ht="15" customHeight="1">
      <c r="A27" s="13" t="s">
        <v>28</v>
      </c>
    </row>
    <row r="28" spans="1:15" ht="15" customHeight="1">
      <c r="A28" s="12" t="s">
        <v>12</v>
      </c>
      <c r="B28" s="230" t="s">
        <v>6</v>
      </c>
      <c r="C28" s="231"/>
      <c r="D28" s="230" t="s">
        <v>29</v>
      </c>
      <c r="E28" s="232"/>
      <c r="F28" s="232"/>
      <c r="G28" s="232"/>
      <c r="H28" s="232"/>
      <c r="I28" s="231"/>
      <c r="J28" s="230" t="s">
        <v>33</v>
      </c>
      <c r="K28" s="232"/>
      <c r="L28" s="232"/>
      <c r="M28" s="231"/>
      <c r="N28" s="230" t="s">
        <v>14</v>
      </c>
      <c r="O28" s="233"/>
    </row>
    <row r="29" spans="1:15" ht="20.100000000000001" customHeight="1">
      <c r="A29" s="9">
        <v>1</v>
      </c>
      <c r="B29" s="234"/>
      <c r="C29" s="236"/>
      <c r="D29" s="234"/>
      <c r="E29" s="235"/>
      <c r="F29" s="235"/>
      <c r="G29" s="235"/>
      <c r="H29" s="235"/>
      <c r="I29" s="236"/>
      <c r="J29" s="234"/>
      <c r="K29" s="235"/>
      <c r="L29" s="235"/>
      <c r="M29" s="236"/>
      <c r="N29" s="234"/>
      <c r="O29" s="237"/>
    </row>
    <row r="30" spans="1:15" ht="20.100000000000001" customHeight="1">
      <c r="A30" s="14">
        <v>2</v>
      </c>
      <c r="B30" s="222"/>
      <c r="C30" s="223"/>
      <c r="D30" s="222"/>
      <c r="E30" s="224"/>
      <c r="F30" s="224"/>
      <c r="G30" s="224"/>
      <c r="H30" s="224"/>
      <c r="I30" s="223"/>
      <c r="J30" s="222"/>
      <c r="K30" s="224"/>
      <c r="L30" s="224"/>
      <c r="M30" s="223"/>
      <c r="N30" s="222"/>
      <c r="O30" s="225"/>
    </row>
    <row r="31" spans="1:15" ht="15" customHeight="1"/>
    <row r="32" spans="1:15" ht="15" customHeight="1"/>
    <row r="33" ht="15" customHeight="1"/>
    <row r="34" ht="15" customHeight="1"/>
    <row r="35" ht="15" customHeight="1"/>
    <row r="36" ht="15" customHeight="1"/>
    <row r="37" ht="15" customHeight="1"/>
    <row r="38" ht="15" customHeight="1"/>
    <row r="39" ht="15" customHeight="1"/>
    <row r="40" ht="15" customHeight="1"/>
    <row r="41" ht="15" customHeight="1"/>
    <row r="42" ht="15" customHeight="1"/>
    <row r="43" ht="15" customHeight="1"/>
    <row r="44" ht="15" customHeight="1"/>
    <row r="45" ht="15" customHeight="1"/>
    <row r="46" ht="15" customHeight="1"/>
    <row r="47" ht="15" customHeight="1"/>
  </sheetData>
  <mergeCells count="54">
    <mergeCell ref="A16:B16"/>
    <mergeCell ref="D16:I16"/>
    <mergeCell ref="J16:L16"/>
    <mergeCell ref="N16:O16"/>
    <mergeCell ref="A1:B1"/>
    <mergeCell ref="D1:L1"/>
    <mergeCell ref="M1:O1"/>
    <mergeCell ref="A8:C10"/>
    <mergeCell ref="D8:O10"/>
    <mergeCell ref="A12:O14"/>
    <mergeCell ref="A17:B17"/>
    <mergeCell ref="D17:I17"/>
    <mergeCell ref="J17:L17"/>
    <mergeCell ref="N17:O17"/>
    <mergeCell ref="A18:B18"/>
    <mergeCell ref="D18:I18"/>
    <mergeCell ref="J18:L18"/>
    <mergeCell ref="N18:O18"/>
    <mergeCell ref="A19:B19"/>
    <mergeCell ref="D19:I19"/>
    <mergeCell ref="J19:L19"/>
    <mergeCell ref="N19:O19"/>
    <mergeCell ref="A20:B20"/>
    <mergeCell ref="D20:I20"/>
    <mergeCell ref="J20:L20"/>
    <mergeCell ref="N20:O20"/>
    <mergeCell ref="A21:B21"/>
    <mergeCell ref="D21:I21"/>
    <mergeCell ref="J21:L21"/>
    <mergeCell ref="N21:O21"/>
    <mergeCell ref="A22:B22"/>
    <mergeCell ref="D22:I22"/>
    <mergeCell ref="J22:L22"/>
    <mergeCell ref="N22:O22"/>
    <mergeCell ref="A23:B23"/>
    <mergeCell ref="D23:I23"/>
    <mergeCell ref="J23:L23"/>
    <mergeCell ref="N23:O23"/>
    <mergeCell ref="A24:B24"/>
    <mergeCell ref="D24:I24"/>
    <mergeCell ref="J24:L24"/>
    <mergeCell ref="N24:O24"/>
    <mergeCell ref="B30:C30"/>
    <mergeCell ref="D30:I30"/>
    <mergeCell ref="J30:M30"/>
    <mergeCell ref="N30:O30"/>
    <mergeCell ref="B28:C28"/>
    <mergeCell ref="D28:I28"/>
    <mergeCell ref="J28:M28"/>
    <mergeCell ref="N28:O28"/>
    <mergeCell ref="B29:C29"/>
    <mergeCell ref="D29:I29"/>
    <mergeCell ref="J29:M29"/>
    <mergeCell ref="N29:O29"/>
  </mergeCells>
  <phoneticPr fontId="2"/>
  <dataValidations count="1">
    <dataValidation type="list" allowBlank="1" showInputMessage="1" showErrorMessage="1" sqref="M17:M24">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T50"/>
  <sheetViews>
    <sheetView showGridLines="0" view="pageBreakPreview" zoomScale="120" zoomScaleNormal="120" zoomScaleSheetLayoutView="120" workbookViewId="0">
      <selection activeCell="M1" sqref="M1:O1"/>
    </sheetView>
  </sheetViews>
  <sheetFormatPr defaultColWidth="9" defaultRowHeight="11.25"/>
  <cols>
    <col min="1" max="14" width="5.625" style="1" customWidth="1"/>
    <col min="15" max="15" width="6.125" style="1" customWidth="1"/>
    <col min="16" max="20" width="5.625" style="1" customWidth="1"/>
    <col min="21" max="16384" width="9" style="1"/>
  </cols>
  <sheetData>
    <row r="1" spans="1:20" ht="20.100000000000001" customHeight="1">
      <c r="A1" s="174" t="s">
        <v>0</v>
      </c>
      <c r="B1" s="175"/>
      <c r="D1" s="210" t="s">
        <v>384</v>
      </c>
      <c r="E1" s="210"/>
      <c r="F1" s="210"/>
      <c r="G1" s="210"/>
      <c r="H1" s="210"/>
      <c r="I1" s="210"/>
      <c r="J1" s="210"/>
      <c r="K1" s="210"/>
      <c r="L1" s="210"/>
      <c r="M1" s="209" t="s">
        <v>550</v>
      </c>
      <c r="N1" s="209"/>
      <c r="O1" s="209"/>
    </row>
    <row r="2" spans="1:20" ht="15" customHeight="1">
      <c r="L2" s="7"/>
      <c r="M2" s="7"/>
      <c r="N2" s="7"/>
    </row>
    <row r="3" spans="1:20" ht="15" customHeight="1">
      <c r="J3" s="15" t="s">
        <v>1</v>
      </c>
      <c r="K3" s="4"/>
      <c r="L3" s="2"/>
      <c r="M3" s="2"/>
      <c r="N3" s="2"/>
      <c r="O3" s="3"/>
    </row>
    <row r="4" spans="1:20" ht="15" customHeight="1">
      <c r="J4" s="15" t="s">
        <v>13</v>
      </c>
      <c r="K4" s="4"/>
      <c r="L4" s="2"/>
      <c r="M4" s="2"/>
      <c r="N4" s="2"/>
      <c r="O4" s="3"/>
    </row>
    <row r="5" spans="1:20" ht="15" customHeight="1">
      <c r="J5" s="15" t="s">
        <v>2</v>
      </c>
      <c r="K5" s="4"/>
      <c r="L5" s="2"/>
      <c r="M5" s="5" t="s">
        <v>3</v>
      </c>
      <c r="N5" s="2"/>
      <c r="O5" s="3"/>
    </row>
    <row r="6" spans="1:20" ht="15" customHeight="1"/>
    <row r="7" spans="1:20" ht="15" customHeight="1">
      <c r="A7" s="13" t="s">
        <v>5</v>
      </c>
    </row>
    <row r="8" spans="1:20" ht="15" customHeight="1">
      <c r="A8" s="176" t="s">
        <v>89</v>
      </c>
      <c r="B8" s="177"/>
      <c r="C8" s="178"/>
      <c r="D8" s="185" t="s">
        <v>345</v>
      </c>
      <c r="E8" s="186"/>
      <c r="F8" s="186"/>
      <c r="G8" s="186"/>
      <c r="H8" s="186"/>
      <c r="I8" s="186"/>
      <c r="J8" s="186"/>
      <c r="K8" s="186"/>
      <c r="L8" s="186"/>
      <c r="M8" s="186"/>
      <c r="N8" s="186"/>
      <c r="O8" s="187"/>
    </row>
    <row r="9" spans="1:20" ht="15" customHeight="1">
      <c r="A9" s="179"/>
      <c r="B9" s="180"/>
      <c r="C9" s="181"/>
      <c r="D9" s="188"/>
      <c r="E9" s="189"/>
      <c r="F9" s="189"/>
      <c r="G9" s="189"/>
      <c r="H9" s="189"/>
      <c r="I9" s="189"/>
      <c r="J9" s="189"/>
      <c r="K9" s="189"/>
      <c r="L9" s="189"/>
      <c r="M9" s="189"/>
      <c r="N9" s="189"/>
      <c r="O9" s="190"/>
    </row>
    <row r="10" spans="1:20" ht="15" customHeight="1">
      <c r="A10" s="182"/>
      <c r="B10" s="183"/>
      <c r="C10" s="184"/>
      <c r="D10" s="191"/>
      <c r="E10" s="192"/>
      <c r="F10" s="192"/>
      <c r="G10" s="192"/>
      <c r="H10" s="192"/>
      <c r="I10" s="192"/>
      <c r="J10" s="192"/>
      <c r="K10" s="192"/>
      <c r="L10" s="192"/>
      <c r="M10" s="192"/>
      <c r="N10" s="192"/>
      <c r="O10" s="193"/>
    </row>
    <row r="11" spans="1:20" ht="15" customHeight="1">
      <c r="A11" s="13" t="s">
        <v>368</v>
      </c>
    </row>
    <row r="12" spans="1:20" ht="15" customHeight="1">
      <c r="A12" s="199"/>
      <c r="B12" s="200"/>
      <c r="C12" s="200"/>
      <c r="D12" s="200"/>
      <c r="E12" s="200"/>
      <c r="F12" s="200"/>
      <c r="G12" s="200"/>
      <c r="H12" s="200"/>
      <c r="I12" s="200"/>
      <c r="J12" s="200"/>
      <c r="K12" s="200"/>
      <c r="L12" s="200"/>
      <c r="M12" s="200"/>
      <c r="N12" s="200"/>
      <c r="O12" s="201"/>
    </row>
    <row r="13" spans="1:20" ht="15" customHeight="1">
      <c r="A13" s="202"/>
      <c r="B13" s="203"/>
      <c r="C13" s="203"/>
      <c r="D13" s="203"/>
      <c r="E13" s="203"/>
      <c r="F13" s="203"/>
      <c r="G13" s="203"/>
      <c r="H13" s="203"/>
      <c r="I13" s="203"/>
      <c r="J13" s="203"/>
      <c r="K13" s="203"/>
      <c r="L13" s="203"/>
      <c r="M13" s="203"/>
      <c r="N13" s="203"/>
      <c r="O13" s="204"/>
    </row>
    <row r="14" spans="1:20" ht="15" customHeight="1">
      <c r="A14" s="205"/>
      <c r="B14" s="206"/>
      <c r="C14" s="206"/>
      <c r="D14" s="206"/>
      <c r="E14" s="206"/>
      <c r="F14" s="206"/>
      <c r="G14" s="206"/>
      <c r="H14" s="206"/>
      <c r="I14" s="206"/>
      <c r="J14" s="206"/>
      <c r="K14" s="206"/>
      <c r="L14" s="206"/>
      <c r="M14" s="206"/>
      <c r="N14" s="206"/>
      <c r="O14" s="207"/>
    </row>
    <row r="15" spans="1:20" ht="15" customHeight="1">
      <c r="A15" s="13" t="s">
        <v>16</v>
      </c>
      <c r="F15" s="8"/>
      <c r="I15" s="8"/>
      <c r="J15" s="8" t="s">
        <v>11</v>
      </c>
    </row>
    <row r="16" spans="1:20" ht="15" customHeight="1">
      <c r="A16" s="194" t="s">
        <v>6</v>
      </c>
      <c r="B16" s="195"/>
      <c r="C16" s="87" t="s">
        <v>7</v>
      </c>
      <c r="D16" s="196" t="s">
        <v>8</v>
      </c>
      <c r="E16" s="197"/>
      <c r="F16" s="197"/>
      <c r="G16" s="197"/>
      <c r="H16" s="197"/>
      <c r="I16" s="195"/>
      <c r="J16" s="196" t="s">
        <v>19</v>
      </c>
      <c r="K16" s="197"/>
      <c r="L16" s="195"/>
      <c r="M16" s="88" t="s">
        <v>9</v>
      </c>
      <c r="N16" s="196" t="s">
        <v>15</v>
      </c>
      <c r="O16" s="198"/>
      <c r="Q16" s="7"/>
      <c r="R16" s="7"/>
      <c r="S16" s="7"/>
      <c r="T16" s="7"/>
    </row>
    <row r="17" spans="1:15" ht="96" customHeight="1">
      <c r="A17" s="214" t="s">
        <v>83</v>
      </c>
      <c r="B17" s="215"/>
      <c r="C17" s="18" t="s">
        <v>346</v>
      </c>
      <c r="D17" s="269" t="s">
        <v>221</v>
      </c>
      <c r="E17" s="216"/>
      <c r="F17" s="216"/>
      <c r="G17" s="216"/>
      <c r="H17" s="216"/>
      <c r="I17" s="216"/>
      <c r="J17" s="269" t="s">
        <v>222</v>
      </c>
      <c r="K17" s="216"/>
      <c r="L17" s="216"/>
      <c r="M17" s="91"/>
      <c r="N17" s="170"/>
      <c r="O17" s="171"/>
    </row>
    <row r="18" spans="1:15" ht="60" customHeight="1">
      <c r="A18" s="212"/>
      <c r="B18" s="213"/>
      <c r="C18" s="19" t="s">
        <v>347</v>
      </c>
      <c r="D18" s="270" t="s">
        <v>223</v>
      </c>
      <c r="E18" s="211"/>
      <c r="F18" s="211"/>
      <c r="G18" s="211"/>
      <c r="H18" s="211"/>
      <c r="I18" s="211"/>
      <c r="J18" s="172" t="s">
        <v>82</v>
      </c>
      <c r="K18" s="172"/>
      <c r="L18" s="172"/>
      <c r="M18" s="89"/>
      <c r="N18" s="172"/>
      <c r="O18" s="173"/>
    </row>
    <row r="19" spans="1:15" ht="50.1" customHeight="1">
      <c r="A19" s="212"/>
      <c r="B19" s="213"/>
      <c r="C19" s="19" t="s">
        <v>348</v>
      </c>
      <c r="D19" s="172" t="s">
        <v>172</v>
      </c>
      <c r="E19" s="172"/>
      <c r="F19" s="172"/>
      <c r="G19" s="172"/>
      <c r="H19" s="172"/>
      <c r="I19" s="172"/>
      <c r="J19" s="172" t="s">
        <v>87</v>
      </c>
      <c r="K19" s="172"/>
      <c r="L19" s="172"/>
      <c r="M19" s="28"/>
      <c r="N19" s="172"/>
      <c r="O19" s="173"/>
    </row>
    <row r="20" spans="1:15" ht="50.1" customHeight="1">
      <c r="A20" s="212"/>
      <c r="B20" s="213"/>
      <c r="C20" s="67" t="s">
        <v>516</v>
      </c>
      <c r="D20" s="172" t="s">
        <v>90</v>
      </c>
      <c r="E20" s="172"/>
      <c r="F20" s="172"/>
      <c r="G20" s="172"/>
      <c r="H20" s="172"/>
      <c r="I20" s="172"/>
      <c r="J20" s="172" t="s">
        <v>84</v>
      </c>
      <c r="K20" s="172"/>
      <c r="L20" s="172"/>
      <c r="M20" s="28"/>
      <c r="N20" s="172"/>
      <c r="O20" s="173"/>
    </row>
    <row r="21" spans="1:15" ht="159.75" customHeight="1">
      <c r="A21" s="212" t="s">
        <v>337</v>
      </c>
      <c r="B21" s="327"/>
      <c r="C21" s="53" t="s">
        <v>349</v>
      </c>
      <c r="D21" s="244" t="s">
        <v>338</v>
      </c>
      <c r="E21" s="244"/>
      <c r="F21" s="244"/>
      <c r="G21" s="244"/>
      <c r="H21" s="244"/>
      <c r="I21" s="244"/>
      <c r="J21" s="244" t="s">
        <v>354</v>
      </c>
      <c r="K21" s="244"/>
      <c r="L21" s="244"/>
      <c r="M21" s="28"/>
      <c r="N21" s="219"/>
      <c r="O21" s="220"/>
    </row>
    <row r="22" spans="1:15" ht="70.5" customHeight="1">
      <c r="A22" s="328"/>
      <c r="B22" s="327"/>
      <c r="C22" s="53" t="s">
        <v>350</v>
      </c>
      <c r="D22" s="244" t="s">
        <v>339</v>
      </c>
      <c r="E22" s="244"/>
      <c r="F22" s="244"/>
      <c r="G22" s="244"/>
      <c r="H22" s="244"/>
      <c r="I22" s="244"/>
      <c r="J22" s="329" t="s">
        <v>340</v>
      </c>
      <c r="K22" s="329"/>
      <c r="L22" s="329"/>
      <c r="M22" s="28"/>
      <c r="N22" s="219"/>
      <c r="O22" s="220"/>
    </row>
    <row r="23" spans="1:15" ht="146.25" customHeight="1">
      <c r="A23" s="328"/>
      <c r="B23" s="327"/>
      <c r="C23" s="53" t="s">
        <v>341</v>
      </c>
      <c r="D23" s="244" t="s">
        <v>342</v>
      </c>
      <c r="E23" s="244"/>
      <c r="F23" s="244"/>
      <c r="G23" s="244"/>
      <c r="H23" s="244"/>
      <c r="I23" s="244"/>
      <c r="J23" s="329" t="s">
        <v>343</v>
      </c>
      <c r="K23" s="329"/>
      <c r="L23" s="329"/>
      <c r="M23" s="28"/>
      <c r="N23" s="219"/>
      <c r="O23" s="220"/>
    </row>
    <row r="24" spans="1:15" ht="40.5" customHeight="1">
      <c r="A24" s="328"/>
      <c r="B24" s="327"/>
      <c r="C24" s="53" t="s">
        <v>351</v>
      </c>
      <c r="D24" s="244" t="s">
        <v>344</v>
      </c>
      <c r="E24" s="244"/>
      <c r="F24" s="244"/>
      <c r="G24" s="244"/>
      <c r="H24" s="244"/>
      <c r="I24" s="244"/>
      <c r="J24" s="329" t="s">
        <v>340</v>
      </c>
      <c r="K24" s="329"/>
      <c r="L24" s="329"/>
      <c r="M24" s="28"/>
      <c r="N24" s="219"/>
      <c r="O24" s="220"/>
    </row>
    <row r="25" spans="1:15" ht="70.349999999999994" customHeight="1">
      <c r="A25" s="212" t="s">
        <v>85</v>
      </c>
      <c r="B25" s="331"/>
      <c r="C25" s="19" t="s">
        <v>352</v>
      </c>
      <c r="D25" s="172" t="s">
        <v>88</v>
      </c>
      <c r="E25" s="172"/>
      <c r="F25" s="172"/>
      <c r="G25" s="172"/>
      <c r="H25" s="172"/>
      <c r="I25" s="172"/>
      <c r="J25" s="172" t="s">
        <v>86</v>
      </c>
      <c r="K25" s="172"/>
      <c r="L25" s="172"/>
      <c r="M25" s="28"/>
      <c r="N25" s="172"/>
      <c r="O25" s="173"/>
    </row>
    <row r="26" spans="1:15" ht="117" customHeight="1">
      <c r="A26" s="212"/>
      <c r="B26" s="331"/>
      <c r="C26" s="19" t="s">
        <v>353</v>
      </c>
      <c r="D26" s="244" t="s">
        <v>316</v>
      </c>
      <c r="E26" s="244"/>
      <c r="F26" s="244"/>
      <c r="G26" s="244"/>
      <c r="H26" s="244"/>
      <c r="I26" s="244"/>
      <c r="J26" s="244" t="s">
        <v>311</v>
      </c>
      <c r="K26" s="244"/>
      <c r="L26" s="244"/>
      <c r="M26" s="28"/>
      <c r="N26" s="172"/>
      <c r="O26" s="173"/>
    </row>
    <row r="27" spans="1:15" ht="53.85" customHeight="1">
      <c r="A27" s="226"/>
      <c r="B27" s="227"/>
      <c r="C27" s="76" t="s">
        <v>310</v>
      </c>
      <c r="D27" s="330" t="s">
        <v>313</v>
      </c>
      <c r="E27" s="330"/>
      <c r="F27" s="330"/>
      <c r="G27" s="330"/>
      <c r="H27" s="330"/>
      <c r="I27" s="330"/>
      <c r="J27" s="330" t="s">
        <v>312</v>
      </c>
      <c r="K27" s="330"/>
      <c r="L27" s="330"/>
      <c r="M27" s="17"/>
      <c r="N27" s="228"/>
      <c r="O27" s="229"/>
    </row>
    <row r="28" spans="1:15" ht="15" customHeight="1">
      <c r="A28" s="23" t="s">
        <v>26</v>
      </c>
    </row>
    <row r="29" spans="1:15" ht="15" customHeight="1">
      <c r="A29" s="6"/>
    </row>
    <row r="30" spans="1:15" ht="15" customHeight="1">
      <c r="A30" s="13" t="s">
        <v>28</v>
      </c>
    </row>
    <row r="31" spans="1:15" ht="15" customHeight="1">
      <c r="A31" s="12" t="s">
        <v>12</v>
      </c>
      <c r="B31" s="230" t="s">
        <v>6</v>
      </c>
      <c r="C31" s="231"/>
      <c r="D31" s="230" t="s">
        <v>29</v>
      </c>
      <c r="E31" s="232"/>
      <c r="F31" s="232"/>
      <c r="G31" s="232"/>
      <c r="H31" s="232"/>
      <c r="I31" s="231"/>
      <c r="J31" s="230" t="s">
        <v>33</v>
      </c>
      <c r="K31" s="232"/>
      <c r="L31" s="232"/>
      <c r="M31" s="231"/>
      <c r="N31" s="230" t="s">
        <v>14</v>
      </c>
      <c r="O31" s="233"/>
    </row>
    <row r="32" spans="1:15" ht="20.100000000000001" customHeight="1">
      <c r="A32" s="9">
        <v>1</v>
      </c>
      <c r="B32" s="234"/>
      <c r="C32" s="236"/>
      <c r="D32" s="234"/>
      <c r="E32" s="235"/>
      <c r="F32" s="235"/>
      <c r="G32" s="235"/>
      <c r="H32" s="235"/>
      <c r="I32" s="236"/>
      <c r="J32" s="234"/>
      <c r="K32" s="235"/>
      <c r="L32" s="235"/>
      <c r="M32" s="236"/>
      <c r="N32" s="234"/>
      <c r="O32" s="237"/>
    </row>
    <row r="33" spans="1:15" ht="20.100000000000001" customHeight="1">
      <c r="A33" s="14">
        <v>2</v>
      </c>
      <c r="B33" s="222"/>
      <c r="C33" s="223"/>
      <c r="D33" s="222"/>
      <c r="E33" s="224"/>
      <c r="F33" s="224"/>
      <c r="G33" s="224"/>
      <c r="H33" s="224"/>
      <c r="I33" s="223"/>
      <c r="J33" s="222"/>
      <c r="K33" s="224"/>
      <c r="L33" s="224"/>
      <c r="M33" s="223"/>
      <c r="N33" s="222"/>
      <c r="O33" s="225"/>
    </row>
    <row r="34" spans="1:15" ht="15" customHeight="1"/>
    <row r="35" spans="1:15" ht="15" customHeight="1"/>
    <row r="36" spans="1:15" ht="15" customHeight="1"/>
    <row r="37" spans="1:15" ht="15" customHeight="1"/>
    <row r="38" spans="1:15" ht="15" customHeight="1"/>
    <row r="39" spans="1:15" ht="15" customHeight="1"/>
    <row r="40" spans="1:15" ht="15" customHeight="1"/>
    <row r="41" spans="1:15" ht="15" customHeight="1"/>
    <row r="42" spans="1:15" ht="15" customHeight="1"/>
    <row r="43" spans="1:15" ht="15" customHeight="1"/>
    <row r="44" spans="1:15" ht="15" customHeight="1"/>
    <row r="45" spans="1:15" ht="15" customHeight="1"/>
    <row r="46" spans="1:15" ht="15" customHeight="1"/>
    <row r="47" spans="1:15" ht="15" customHeight="1"/>
    <row r="48" spans="1:15" ht="15" customHeight="1"/>
    <row r="49" ht="15" customHeight="1"/>
    <row r="50" ht="15" customHeight="1"/>
  </sheetData>
  <mergeCells count="63">
    <mergeCell ref="N21:O21"/>
    <mergeCell ref="N22:O22"/>
    <mergeCell ref="N23:O23"/>
    <mergeCell ref="N24:O24"/>
    <mergeCell ref="B32:C32"/>
    <mergeCell ref="D32:I32"/>
    <mergeCell ref="J32:M32"/>
    <mergeCell ref="N32:O32"/>
    <mergeCell ref="A25:B25"/>
    <mergeCell ref="D25:I25"/>
    <mergeCell ref="J25:L25"/>
    <mergeCell ref="N25:O25"/>
    <mergeCell ref="A26:B26"/>
    <mergeCell ref="D26:I26"/>
    <mergeCell ref="J26:L26"/>
    <mergeCell ref="N26:O26"/>
    <mergeCell ref="B33:C33"/>
    <mergeCell ref="D33:I33"/>
    <mergeCell ref="J33:M33"/>
    <mergeCell ref="N33:O33"/>
    <mergeCell ref="A27:B27"/>
    <mergeCell ref="D27:I27"/>
    <mergeCell ref="J27:L27"/>
    <mergeCell ref="N27:O27"/>
    <mergeCell ref="B31:C31"/>
    <mergeCell ref="D31:I31"/>
    <mergeCell ref="J31:M31"/>
    <mergeCell ref="N31:O31"/>
    <mergeCell ref="A21:B24"/>
    <mergeCell ref="D21:I21"/>
    <mergeCell ref="J21:L21"/>
    <mergeCell ref="D22:I22"/>
    <mergeCell ref="J22:L22"/>
    <mergeCell ref="D23:I23"/>
    <mergeCell ref="J23:L23"/>
    <mergeCell ref="D24:I24"/>
    <mergeCell ref="J24:L24"/>
    <mergeCell ref="A19:B19"/>
    <mergeCell ref="D19:I19"/>
    <mergeCell ref="J19:L19"/>
    <mergeCell ref="N19:O19"/>
    <mergeCell ref="A20:B20"/>
    <mergeCell ref="D20:I20"/>
    <mergeCell ref="J20:L20"/>
    <mergeCell ref="N20:O20"/>
    <mergeCell ref="A17:B17"/>
    <mergeCell ref="D17:I17"/>
    <mergeCell ref="J17:L17"/>
    <mergeCell ref="N17:O17"/>
    <mergeCell ref="A18:B18"/>
    <mergeCell ref="D18:I18"/>
    <mergeCell ref="J18:L18"/>
    <mergeCell ref="N18:O18"/>
    <mergeCell ref="A16:B16"/>
    <mergeCell ref="D16:I16"/>
    <mergeCell ref="J16:L16"/>
    <mergeCell ref="N16:O16"/>
    <mergeCell ref="A1:B1"/>
    <mergeCell ref="D1:L1"/>
    <mergeCell ref="M1:O1"/>
    <mergeCell ref="A8:C10"/>
    <mergeCell ref="D8:O10"/>
    <mergeCell ref="A12:O14"/>
  </mergeCells>
  <phoneticPr fontId="2"/>
  <dataValidations count="1">
    <dataValidation type="list" allowBlank="1" showInputMessage="1" showErrorMessage="1" sqref="M17:M27">
      <formula1>"①順　守,②不順守,③該当無"</formula1>
    </dataValidation>
  </dataValidations>
  <printOptions horizontalCentered="1"/>
  <pageMargins left="0.51181102362204722" right="0.51181102362204722" top="0.59055118110236227" bottom="0.39370078740157483" header="0.19685039370078741" footer="0.19685039370078741"/>
  <pageSetup paperSize="9" orientation="portrait" r:id="rId1"/>
  <headerFooter>
    <oddHeader>&amp;R&amp;"HG丸ｺﾞｼｯｸM-PRO,標準"&amp;8標準的チェックリスト（&amp;A）</oddHeader>
  </headerFooter>
  <rowBreaks count="1" manualBreakCount="1">
    <brk id="21" max="14"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0</vt:i4>
      </vt:variant>
      <vt:variant>
        <vt:lpstr>名前付き一覧</vt:lpstr>
      </vt:variant>
      <vt:variant>
        <vt:i4>4</vt:i4>
      </vt:variant>
    </vt:vector>
  </HeadingPairs>
  <TitlesOfParts>
    <vt:vector size="24" baseType="lpstr">
      <vt:lpstr>表紙</vt:lpstr>
      <vt:lpstr>ばい煙</vt:lpstr>
      <vt:lpstr>送風機等</vt:lpstr>
      <vt:lpstr>空調機等</vt:lpstr>
      <vt:lpstr>公共用水域</vt:lpstr>
      <vt:lpstr>土壌 </vt:lpstr>
      <vt:lpstr>下水道</vt:lpstr>
      <vt:lpstr>浄化槽</vt:lpstr>
      <vt:lpstr>毒物劇物</vt:lpstr>
      <vt:lpstr>高圧ガス</vt:lpstr>
      <vt:lpstr>危険物</vt:lpstr>
      <vt:lpstr>一廃</vt:lpstr>
      <vt:lpstr>産廃</vt:lpstr>
      <vt:lpstr>特管</vt:lpstr>
      <vt:lpstr>ＰＣＢ</vt:lpstr>
      <vt:lpstr>焼却施設</vt:lpstr>
      <vt:lpstr>廃止した焼却施設</vt:lpstr>
      <vt:lpstr>（参考）自動車</vt:lpstr>
      <vt:lpstr>ひながた</vt:lpstr>
      <vt:lpstr>別添２</vt:lpstr>
      <vt:lpstr>空調機等!Print_Area</vt:lpstr>
      <vt:lpstr>産廃!Print_Area</vt:lpstr>
      <vt:lpstr>毒物劇物!Print_Area</vt:lpstr>
      <vt:lpstr>表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環境課　浦上</cp:lastModifiedBy>
  <cp:lastPrinted>2024-02-16T01:03:22Z</cp:lastPrinted>
  <dcterms:modified xsi:type="dcterms:W3CDTF">2024-02-16T01:36:28Z</dcterms:modified>
</cp:coreProperties>
</file>